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9-3表（介護）" sheetId="1" r:id="rId1"/>
  </sheets>
  <definedNames>
    <definedName name="_Fill" hidden="1">#REF!</definedName>
    <definedName name="_Key1" hidden="1">#REF!</definedName>
    <definedName name="_Order1" hidden="1">0</definedName>
    <definedName name="_Regression_Int" localSheetId="0" hidden="1">1</definedName>
    <definedName name="\a">#REF!</definedName>
    <definedName name="\b">#REF!</definedName>
    <definedName name="_xlnm.Print_Area" localSheetId="0">'第9-3表（介護）'!$A$1:$AI$53</definedName>
    <definedName name="Print_Area_MI" localSheetId="0">'第9-3表（介護）'!$A$1:$R$5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2" uniqueCount="131">
  <si>
    <t>第９－３表 保険料(税)の賦課状況－１  （介護分）</t>
    <rPh sb="22" eb="25">
      <t>カイゴブン</t>
    </rPh>
    <phoneticPr fontId="5"/>
  </si>
  <si>
    <t>第９－３表 保険料(税)の賦課状況－２   （介護分）</t>
    <phoneticPr fontId="5"/>
  </si>
  <si>
    <t>単位（千円）</t>
  </si>
  <si>
    <t>保険者名</t>
  </si>
  <si>
    <t>料税の別</t>
  </si>
  <si>
    <t>賦課
方式</t>
    <rPh sb="3" eb="4">
      <t>ホウホウ</t>
    </rPh>
    <rPh sb="4" eb="5">
      <t>シキ</t>
    </rPh>
    <phoneticPr fontId="5"/>
  </si>
  <si>
    <t>収納期日及び回数</t>
    <rPh sb="0" eb="2">
      <t>シュウノウ</t>
    </rPh>
    <rPh sb="2" eb="4">
      <t>キジツ</t>
    </rPh>
    <rPh sb="4" eb="5">
      <t>オヨ</t>
    </rPh>
    <rPh sb="6" eb="8">
      <t>カイスウ</t>
    </rPh>
    <phoneticPr fontId="9"/>
  </si>
  <si>
    <t xml:space="preserve"> 所   得   割   基   礎</t>
    <phoneticPr fontId="9"/>
  </si>
  <si>
    <t>資産割基礎</t>
  </si>
  <si>
    <t>料  （税）  率</t>
    <rPh sb="8" eb="9">
      <t>リツ</t>
    </rPh>
    <phoneticPr fontId="9"/>
  </si>
  <si>
    <t>賦  課</t>
  </si>
  <si>
    <t>課税対象額</t>
    <phoneticPr fontId="5"/>
  </si>
  <si>
    <t>保  険  料  税  算  定  額  及  び  割  合</t>
    <phoneticPr fontId="9"/>
  </si>
  <si>
    <t>算定額</t>
    <phoneticPr fontId="9"/>
  </si>
  <si>
    <t>軽減額</t>
    <phoneticPr fontId="9"/>
  </si>
  <si>
    <t>災害等</t>
  </si>
  <si>
    <t>その他</t>
  </si>
  <si>
    <t>限度額を</t>
  </si>
  <si>
    <t>増減額</t>
    <phoneticPr fontId="9"/>
  </si>
  <si>
    <t>調定額</t>
    <phoneticPr fontId="9"/>
  </si>
  <si>
    <t>料</t>
  </si>
  <si>
    <t>税</t>
  </si>
  <si>
    <t>回数</t>
    <rPh sb="0" eb="2">
      <t>カイスウ</t>
    </rPh>
    <phoneticPr fontId="9"/>
  </si>
  <si>
    <t>収納月</t>
    <rPh sb="0" eb="2">
      <t>シュウノウ</t>
    </rPh>
    <rPh sb="2" eb="3">
      <t>ツキ</t>
    </rPh>
    <phoneticPr fontId="9"/>
  </si>
  <si>
    <t>総所得</t>
  </si>
  <si>
    <t>市町村民税</t>
  </si>
  <si>
    <t>そ  の  他</t>
  </si>
  <si>
    <t>固定資産税</t>
  </si>
  <si>
    <t>所得割</t>
  </si>
  <si>
    <t>資産割</t>
  </si>
  <si>
    <t>均等割</t>
  </si>
  <si>
    <t>平等割</t>
  </si>
  <si>
    <t>限度額</t>
  </si>
  <si>
    <t>所得割額</t>
  </si>
  <si>
    <t>資産割額</t>
  </si>
  <si>
    <t>所得割額</t>
    <phoneticPr fontId="5"/>
  </si>
  <si>
    <t>資産割額</t>
    <phoneticPr fontId="5"/>
  </si>
  <si>
    <t>均等割額</t>
    <phoneticPr fontId="5"/>
  </si>
  <si>
    <t>平等割額</t>
    <phoneticPr fontId="5"/>
  </si>
  <si>
    <t>減免額</t>
  </si>
  <si>
    <t>超える額</t>
  </si>
  <si>
    <t>(A)-(B)-(C)</t>
  </si>
  <si>
    <t>金額</t>
  </si>
  <si>
    <t>土地家屋額</t>
  </si>
  <si>
    <t>%</t>
  </si>
  <si>
    <t>円</t>
  </si>
  <si>
    <t>万円</t>
  </si>
  <si>
    <t>千円</t>
  </si>
  <si>
    <t>金額（千円）</t>
  </si>
  <si>
    <t>(A)</t>
  </si>
  <si>
    <t>(B)</t>
  </si>
  <si>
    <t xml:space="preserve"> (C)</t>
  </si>
  <si>
    <t>(D)</t>
  </si>
  <si>
    <t>(E)</t>
  </si>
  <si>
    <t>(F)</t>
  </si>
  <si>
    <t>-(D)-(E)+(F)</t>
  </si>
  <si>
    <t xml:space="preserve"> 横浜市</t>
    <phoneticPr fontId="9"/>
  </si>
  <si>
    <t>○</t>
  </si>
  <si>
    <t>2</t>
  </si>
  <si>
    <t>10</t>
  </si>
  <si>
    <t>6月から毎月</t>
  </si>
  <si>
    <t>－</t>
  </si>
  <si>
    <t>-</t>
  </si>
  <si>
    <t xml:space="preserve"> 川崎市</t>
  </si>
  <si>
    <t xml:space="preserve"> 横須賀市</t>
  </si>
  <si>
    <t>3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>7月から毎月</t>
  </si>
  <si>
    <t xml:space="preserve"> 逗子市</t>
  </si>
  <si>
    <t xml:space="preserve"> 相模原市</t>
  </si>
  <si>
    <t xml:space="preserve"> 三浦市</t>
  </si>
  <si>
    <t xml:space="preserve"> 秦野市</t>
  </si>
  <si>
    <t>－</t>
    <phoneticPr fontId="5"/>
  </si>
  <si>
    <t xml:space="preserve"> 厚木市</t>
  </si>
  <si>
    <t xml:space="preserve"> 大和市</t>
  </si>
  <si>
    <t xml:space="preserve"> 伊勢原市</t>
  </si>
  <si>
    <t>4</t>
  </si>
  <si>
    <t>4月から毎月</t>
  </si>
  <si>
    <t xml:space="preserve"> 海老名市</t>
  </si>
  <si>
    <t>－</t>
    <phoneticPr fontId="5"/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>4/6/8/10/12/2</t>
  </si>
  <si>
    <t xml:space="preserve"> 大井町</t>
  </si>
  <si>
    <t>5月、7月以降毎月</t>
    <rPh sb="1" eb="2">
      <t>ガツ</t>
    </rPh>
    <rPh sb="4" eb="7">
      <t>ガツイコウ</t>
    </rPh>
    <rPh sb="7" eb="9">
      <t>マイツキ</t>
    </rPh>
    <phoneticPr fontId="1"/>
  </si>
  <si>
    <t xml:space="preserve"> 松田町</t>
  </si>
  <si>
    <t>5月から2月の毎月</t>
  </si>
  <si>
    <t xml:space="preserve"> 山北町</t>
  </si>
  <si>
    <t>4/7/8/9/10/11/12/1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-</t>
    <phoneticPr fontId="12"/>
  </si>
  <si>
    <t xml:space="preserve"> 藤野町</t>
  </si>
  <si>
    <t xml:space="preserve"> 医 師</t>
    <phoneticPr fontId="9"/>
  </si>
  <si>
    <t>12</t>
  </si>
  <si>
    <t>月額保険料：4,000円</t>
    <phoneticPr fontId="5"/>
  </si>
  <si>
    <t xml:space="preserve"> 歯科医師</t>
  </si>
  <si>
    <t>月額保険料：3,800円</t>
    <phoneticPr fontId="5"/>
  </si>
  <si>
    <t xml:space="preserve"> 食品衛生</t>
  </si>
  <si>
    <t>月額保険料：2,600円</t>
    <phoneticPr fontId="5"/>
  </si>
  <si>
    <t xml:space="preserve"> 薬剤師</t>
  </si>
  <si>
    <t>月額保険料：5,100円</t>
    <phoneticPr fontId="5"/>
  </si>
  <si>
    <t xml:space="preserve"> 建設業</t>
  </si>
  <si>
    <t>月額保険料：2,500円</t>
    <rPh sb="11" eb="12">
      <t>エン</t>
    </rPh>
    <phoneticPr fontId="5"/>
  </si>
  <si>
    <t xml:space="preserve"> 建設連合</t>
  </si>
  <si>
    <t>月額保険料：2,900円</t>
    <phoneticPr fontId="5"/>
  </si>
  <si>
    <t>市           計</t>
    <phoneticPr fontId="9"/>
  </si>
  <si>
    <t>町   村   計</t>
    <phoneticPr fontId="9"/>
  </si>
  <si>
    <t>2方式: 4</t>
    <rPh sb="1" eb="3">
      <t>ホウシキ</t>
    </rPh>
    <phoneticPr fontId="9"/>
  </si>
  <si>
    <t>市町村計</t>
    <phoneticPr fontId="9"/>
  </si>
  <si>
    <t>3方式:21</t>
    <rPh sb="1" eb="3">
      <t>ホウシキ</t>
    </rPh>
    <phoneticPr fontId="9"/>
  </si>
  <si>
    <t>市町村計</t>
    <phoneticPr fontId="9"/>
  </si>
  <si>
    <t>組   合   計</t>
    <phoneticPr fontId="9"/>
  </si>
  <si>
    <t>4方式: 8</t>
    <rPh sb="1" eb="3">
      <t>ホウシキ</t>
    </rPh>
    <phoneticPr fontId="9"/>
  </si>
  <si>
    <t>県           計</t>
    <phoneticPr fontId="9"/>
  </si>
  <si>
    <t>県           計</t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 "/>
  </numFmts>
  <fonts count="14" x14ac:knownFonts="1">
    <font>
      <sz val="11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4"/>
      <name val="ＭＳ 明朝"/>
      <family val="1"/>
      <charset val="128"/>
    </font>
    <font>
      <u/>
      <sz val="9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8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7" fontId="2" fillId="0" borderId="0"/>
  </cellStyleXfs>
  <cellXfs count="281">
    <xf numFmtId="0" fontId="0" fillId="0" borderId="0" xfId="0"/>
    <xf numFmtId="37" fontId="3" fillId="0" borderId="0" xfId="1" applyFont="1" applyFill="1" applyBorder="1" applyAlignment="1" applyProtection="1">
      <alignment horizontal="left"/>
    </xf>
    <xf numFmtId="37" fontId="6" fillId="0" borderId="0" xfId="1" applyFont="1" applyBorder="1" applyProtection="1"/>
    <xf numFmtId="37" fontId="7" fillId="0" borderId="0" xfId="1" applyFont="1"/>
    <xf numFmtId="37" fontId="6" fillId="0" borderId="0" xfId="1" applyFont="1" applyFill="1" applyBorder="1" applyProtection="1"/>
    <xf numFmtId="37" fontId="7" fillId="0" borderId="0" xfId="1" applyFont="1" applyBorder="1"/>
    <xf numFmtId="37" fontId="3" fillId="0" borderId="0" xfId="1" applyFont="1" applyAlignment="1" applyProtection="1">
      <alignment horizontal="left"/>
    </xf>
    <xf numFmtId="37" fontId="7" fillId="0" borderId="0" xfId="1" quotePrefix="1" applyFont="1" applyBorder="1"/>
    <xf numFmtId="37" fontId="7" fillId="0" borderId="8" xfId="1" applyFont="1" applyBorder="1" applyAlignment="1" applyProtection="1">
      <alignment horizontal="distributed" justifyLastLine="1"/>
    </xf>
    <xf numFmtId="37" fontId="7" fillId="0" borderId="10" xfId="1" applyFont="1" applyBorder="1" applyAlignment="1" applyProtection="1">
      <alignment horizontal="center"/>
    </xf>
    <xf numFmtId="37" fontId="7" fillId="0" borderId="10" xfId="1" applyFont="1" applyBorder="1" applyAlignment="1" applyProtection="1">
      <alignment horizontal="distributed" justifyLastLine="1"/>
    </xf>
    <xf numFmtId="37" fontId="7" fillId="0" borderId="13" xfId="1" applyFont="1" applyBorder="1" applyAlignment="1" applyProtection="1">
      <alignment horizontal="distributed" justifyLastLine="1"/>
    </xf>
    <xf numFmtId="37" fontId="7" fillId="0" borderId="0" xfId="1" applyFont="1" applyAlignment="1"/>
    <xf numFmtId="37" fontId="7" fillId="0" borderId="20" xfId="1" applyFont="1" applyBorder="1" applyAlignment="1" applyProtection="1">
      <alignment horizontal="center"/>
    </xf>
    <xf numFmtId="37" fontId="7" fillId="0" borderId="21" xfId="1" applyFont="1" applyBorder="1" applyAlignment="1" applyProtection="1">
      <alignment horizontal="center"/>
    </xf>
    <xf numFmtId="37" fontId="7" fillId="0" borderId="22" xfId="1" applyFont="1" applyBorder="1" applyAlignment="1" applyProtection="1">
      <alignment horizontal="distributed" justifyLastLine="1"/>
    </xf>
    <xf numFmtId="37" fontId="7" fillId="0" borderId="20" xfId="1" applyFont="1" applyBorder="1" applyAlignment="1" applyProtection="1">
      <alignment horizontal="distributed" justifyLastLine="1"/>
    </xf>
    <xf numFmtId="37" fontId="7" fillId="0" borderId="17" xfId="1" applyFont="1" applyBorder="1" applyAlignment="1" applyProtection="1">
      <alignment horizontal="distributed" justifyLastLine="1"/>
    </xf>
    <xf numFmtId="37" fontId="7" fillId="0" borderId="21" xfId="1" applyFont="1" applyBorder="1" applyAlignment="1" applyProtection="1">
      <alignment horizontal="distributed" justifyLastLine="1"/>
    </xf>
    <xf numFmtId="37" fontId="7" fillId="0" borderId="31" xfId="1" applyFont="1" applyBorder="1" applyAlignment="1" applyProtection="1">
      <alignment horizontal="center"/>
    </xf>
    <xf numFmtId="37" fontId="7" fillId="0" borderId="33" xfId="1" applyFont="1" applyBorder="1" applyAlignment="1" applyProtection="1">
      <alignment horizontal="center"/>
    </xf>
    <xf numFmtId="37" fontId="7" fillId="0" borderId="28" xfId="1" applyFont="1" applyBorder="1" applyAlignment="1" applyProtection="1">
      <alignment horizontal="right"/>
    </xf>
    <xf numFmtId="37" fontId="7" fillId="0" borderId="31" xfId="1" applyFont="1" applyBorder="1" applyAlignment="1" applyProtection="1">
      <alignment horizontal="right"/>
    </xf>
    <xf numFmtId="37" fontId="7" fillId="0" borderId="30" xfId="1" applyFont="1" applyBorder="1" applyAlignment="1" applyProtection="1">
      <alignment horizontal="right"/>
    </xf>
    <xf numFmtId="37" fontId="7" fillId="0" borderId="33" xfId="1" applyFont="1" applyBorder="1" applyAlignment="1" applyProtection="1">
      <alignment horizontal="right"/>
    </xf>
    <xf numFmtId="37" fontId="7" fillId="0" borderId="34" xfId="1" applyFont="1" applyBorder="1" applyAlignment="1" applyProtection="1">
      <alignment horizontal="center"/>
    </xf>
    <xf numFmtId="37" fontId="7" fillId="0" borderId="35" xfId="1" applyFont="1" applyBorder="1" applyAlignment="1" applyProtection="1">
      <alignment horizontal="center"/>
    </xf>
    <xf numFmtId="37" fontId="7" fillId="0" borderId="36" xfId="1" applyFont="1" applyBorder="1" applyAlignment="1" applyProtection="1">
      <alignment horizontal="center"/>
    </xf>
    <xf numFmtId="37" fontId="7" fillId="0" borderId="37" xfId="1" applyFont="1" applyBorder="1" applyAlignment="1" applyProtection="1">
      <alignment horizontal="center"/>
    </xf>
    <xf numFmtId="37" fontId="7" fillId="0" borderId="34" xfId="1" applyFont="1" applyBorder="1"/>
    <xf numFmtId="37" fontId="7" fillId="0" borderId="34" xfId="1" applyFont="1" applyBorder="1" applyAlignment="1" applyProtection="1">
      <alignment horizontal="right"/>
    </xf>
    <xf numFmtId="37" fontId="7" fillId="0" borderId="33" xfId="1" applyFont="1" applyBorder="1" applyAlignment="1" applyProtection="1">
      <alignment horizontal="left"/>
    </xf>
    <xf numFmtId="37" fontId="7" fillId="0" borderId="14" xfId="1" applyFont="1" applyFill="1" applyBorder="1" applyAlignment="1" applyProtection="1"/>
    <xf numFmtId="37" fontId="10" fillId="0" borderId="38" xfId="1" applyFont="1" applyFill="1" applyBorder="1" applyAlignment="1" applyProtection="1">
      <alignment horizontal="left"/>
    </xf>
    <xf numFmtId="1" fontId="7" fillId="0" borderId="38" xfId="0" applyNumberFormat="1" applyFont="1" applyFill="1" applyBorder="1" applyAlignment="1">
      <alignment horizontal="center"/>
    </xf>
    <xf numFmtId="4" fontId="7" fillId="0" borderId="38" xfId="0" applyNumberFormat="1" applyFont="1" applyFill="1" applyBorder="1" applyAlignment="1"/>
    <xf numFmtId="3" fontId="7" fillId="0" borderId="38" xfId="0" applyNumberFormat="1" applyFont="1" applyBorder="1" applyAlignment="1">
      <alignment horizontal="center"/>
    </xf>
    <xf numFmtId="3" fontId="7" fillId="0" borderId="39" xfId="0" applyNumberFormat="1" applyFont="1" applyBorder="1" applyAlignment="1">
      <alignment horizontal="center"/>
    </xf>
    <xf numFmtId="1" fontId="7" fillId="0" borderId="40" xfId="0" applyNumberFormat="1" applyFont="1" applyBorder="1" applyAlignment="1">
      <alignment horizontal="center"/>
    </xf>
    <xf numFmtId="37" fontId="7" fillId="0" borderId="39" xfId="1" applyFont="1" applyFill="1" applyBorder="1" applyAlignment="1" applyProtection="1">
      <alignment horizontal="centerContinuous"/>
    </xf>
    <xf numFmtId="37" fontId="7" fillId="0" borderId="39" xfId="1" applyFont="1" applyFill="1" applyBorder="1" applyAlignment="1" applyProtection="1">
      <alignment horizontal="center"/>
    </xf>
    <xf numFmtId="37" fontId="7" fillId="0" borderId="21" xfId="1" quotePrefix="1" applyFont="1" applyFill="1" applyBorder="1" applyAlignment="1" applyProtection="1">
      <alignment horizontal="center"/>
    </xf>
    <xf numFmtId="2" fontId="7" fillId="0" borderId="41" xfId="0" applyNumberFormat="1" applyFont="1" applyFill="1" applyBorder="1" applyAlignment="1"/>
    <xf numFmtId="37" fontId="7" fillId="0" borderId="42" xfId="1" quotePrefix="1" applyFont="1" applyFill="1" applyBorder="1" applyAlignment="1" applyProtection="1">
      <alignment horizontal="center"/>
    </xf>
    <xf numFmtId="3" fontId="7" fillId="0" borderId="38" xfId="0" applyNumberFormat="1" applyFont="1" applyFill="1" applyBorder="1" applyAlignment="1"/>
    <xf numFmtId="1" fontId="7" fillId="0" borderId="17" xfId="0" applyNumberFormat="1" applyFont="1" applyFill="1" applyBorder="1" applyAlignment="1"/>
    <xf numFmtId="37" fontId="7" fillId="0" borderId="43" xfId="1" applyNumberFormat="1" applyFont="1" applyFill="1" applyBorder="1" applyAlignment="1" applyProtection="1"/>
    <xf numFmtId="37" fontId="7" fillId="0" borderId="44" xfId="1" applyNumberFormat="1" applyFont="1" applyFill="1" applyBorder="1" applyAlignment="1" applyProtection="1"/>
    <xf numFmtId="37" fontId="7" fillId="0" borderId="45" xfId="1" applyNumberFormat="1" applyFont="1" applyFill="1" applyBorder="1" applyAlignment="1" applyProtection="1"/>
    <xf numFmtId="39" fontId="7" fillId="0" borderId="46" xfId="1" applyNumberFormat="1" applyFont="1" applyFill="1" applyBorder="1" applyAlignment="1" applyProtection="1"/>
    <xf numFmtId="39" fontId="7" fillId="0" borderId="47" xfId="1" applyNumberFormat="1" applyFont="1" applyFill="1" applyBorder="1" applyAlignment="1" applyProtection="1"/>
    <xf numFmtId="37" fontId="7" fillId="0" borderId="39" xfId="1" applyNumberFormat="1" applyFont="1" applyFill="1" applyBorder="1" applyAlignment="1" applyProtection="1"/>
    <xf numFmtId="39" fontId="7" fillId="0" borderId="48" xfId="1" applyNumberFormat="1" applyFont="1" applyFill="1" applyBorder="1" applyAlignment="1" applyProtection="1"/>
    <xf numFmtId="37" fontId="7" fillId="0" borderId="0" xfId="1" applyFont="1" applyFill="1" applyAlignment="1"/>
    <xf numFmtId="1" fontId="7" fillId="0" borderId="49" xfId="0" applyNumberFormat="1" applyFont="1" applyFill="1" applyBorder="1" applyAlignment="1">
      <alignment horizontal="center"/>
    </xf>
    <xf numFmtId="0" fontId="11" fillId="0" borderId="49" xfId="0" applyNumberFormat="1" applyFont="1" applyFill="1" applyBorder="1"/>
    <xf numFmtId="3" fontId="7" fillId="0" borderId="49" xfId="0" applyNumberFormat="1" applyFont="1" applyBorder="1" applyAlignment="1">
      <alignment horizontal="center"/>
    </xf>
    <xf numFmtId="3" fontId="7" fillId="0" borderId="25" xfId="0" applyNumberFormat="1" applyFont="1" applyBorder="1" applyAlignment="1">
      <alignment horizontal="center"/>
    </xf>
    <xf numFmtId="1" fontId="7" fillId="0" borderId="50" xfId="0" applyNumberFormat="1" applyFont="1" applyBorder="1" applyAlignment="1">
      <alignment horizontal="center"/>
    </xf>
    <xf numFmtId="37" fontId="7" fillId="0" borderId="39" xfId="1" applyFont="1" applyFill="1" applyBorder="1" applyAlignment="1">
      <alignment horizontal="centerContinuous"/>
    </xf>
    <xf numFmtId="37" fontId="7" fillId="0" borderId="51" xfId="1" quotePrefix="1" applyFont="1" applyFill="1" applyBorder="1" applyAlignment="1" applyProtection="1">
      <alignment horizontal="center"/>
    </xf>
    <xf numFmtId="2" fontId="7" fillId="0" borderId="52" xfId="0" applyNumberFormat="1" applyFont="1" applyFill="1" applyBorder="1" applyAlignment="1"/>
    <xf numFmtId="37" fontId="7" fillId="0" borderId="49" xfId="1" quotePrefix="1" applyFont="1" applyFill="1" applyBorder="1" applyAlignment="1" applyProtection="1">
      <alignment horizontal="center"/>
    </xf>
    <xf numFmtId="3" fontId="7" fillId="0" borderId="49" xfId="0" applyNumberFormat="1" applyFont="1" applyFill="1" applyBorder="1" applyAlignment="1"/>
    <xf numFmtId="3" fontId="7" fillId="0" borderId="49" xfId="0" applyNumberFormat="1" applyFont="1" applyFill="1" applyBorder="1" applyAlignment="1">
      <alignment horizontal="center"/>
    </xf>
    <xf numFmtId="1" fontId="7" fillId="0" borderId="53" xfId="0" applyNumberFormat="1" applyFont="1" applyFill="1" applyBorder="1" applyAlignment="1"/>
    <xf numFmtId="4" fontId="7" fillId="0" borderId="49" xfId="0" applyNumberFormat="1" applyFont="1" applyFill="1" applyBorder="1" applyAlignment="1"/>
    <xf numFmtId="2" fontId="7" fillId="0" borderId="39" xfId="1" applyNumberFormat="1" applyFont="1" applyFill="1" applyBorder="1" applyAlignment="1" applyProtection="1"/>
    <xf numFmtId="37" fontId="7" fillId="0" borderId="39" xfId="1" applyFont="1" applyFill="1" applyBorder="1" applyAlignment="1"/>
    <xf numFmtId="2" fontId="7" fillId="0" borderId="54" xfId="0" applyNumberFormat="1" applyFont="1" applyFill="1" applyBorder="1" applyAlignment="1"/>
    <xf numFmtId="3" fontId="7" fillId="0" borderId="16" xfId="0" applyNumberFormat="1" applyFont="1" applyFill="1" applyBorder="1" applyAlignment="1"/>
    <xf numFmtId="37" fontId="7" fillId="0" borderId="55" xfId="1" applyNumberFormat="1" applyFont="1" applyFill="1" applyBorder="1" applyAlignment="1" applyProtection="1"/>
    <xf numFmtId="1" fontId="7" fillId="0" borderId="49" xfId="0" applyNumberFormat="1" applyFont="1" applyFill="1" applyBorder="1" applyAlignment="1"/>
    <xf numFmtId="37" fontId="7" fillId="0" borderId="44" xfId="1" applyFont="1" applyFill="1" applyBorder="1" applyAlignment="1" applyProtection="1">
      <alignment horizontal="center"/>
    </xf>
    <xf numFmtId="2" fontId="7" fillId="0" borderId="52" xfId="0" applyNumberFormat="1" applyFont="1" applyBorder="1" applyAlignment="1"/>
    <xf numFmtId="3" fontId="7" fillId="0" borderId="49" xfId="0" applyNumberFormat="1" applyFont="1" applyBorder="1" applyAlignment="1"/>
    <xf numFmtId="37" fontId="7" fillId="0" borderId="49" xfId="1" quotePrefix="1" applyFont="1" applyFill="1" applyBorder="1" applyAlignment="1" applyProtection="1">
      <alignment horizontal="right"/>
    </xf>
    <xf numFmtId="1" fontId="7" fillId="0" borderId="49" xfId="0" applyNumberFormat="1" applyFont="1" applyBorder="1" applyAlignment="1"/>
    <xf numFmtId="3" fontId="7" fillId="0" borderId="25" xfId="0" applyNumberFormat="1" applyFont="1" applyFill="1" applyBorder="1" applyAlignment="1">
      <alignment horizontal="center"/>
    </xf>
    <xf numFmtId="1" fontId="7" fillId="0" borderId="50" xfId="0" applyNumberFormat="1" applyFont="1" applyFill="1" applyBorder="1" applyAlignment="1">
      <alignment horizontal="center"/>
    </xf>
    <xf numFmtId="4" fontId="7" fillId="0" borderId="49" xfId="1" quotePrefix="1" applyNumberFormat="1" applyFont="1" applyFill="1" applyBorder="1" applyAlignment="1" applyProtection="1">
      <alignment horizontal="right"/>
    </xf>
    <xf numFmtId="2" fontId="7" fillId="0" borderId="49" xfId="0" applyNumberFormat="1" applyFont="1" applyBorder="1" applyAlignment="1">
      <alignment horizontal="center"/>
    </xf>
    <xf numFmtId="37" fontId="7" fillId="0" borderId="28" xfId="1" applyFont="1" applyFill="1" applyBorder="1" applyAlignment="1" applyProtection="1"/>
    <xf numFmtId="37" fontId="10" fillId="0" borderId="17" xfId="1" applyFont="1" applyFill="1" applyBorder="1" applyAlignment="1" applyProtection="1">
      <alignment horizontal="left"/>
    </xf>
    <xf numFmtId="4" fontId="7" fillId="0" borderId="56" xfId="0" applyNumberFormat="1" applyFont="1" applyFill="1" applyBorder="1" applyAlignment="1"/>
    <xf numFmtId="1" fontId="7" fillId="0" borderId="56" xfId="0" applyNumberFormat="1" applyFont="1" applyFill="1" applyBorder="1" applyAlignment="1">
      <alignment horizontal="center"/>
    </xf>
    <xf numFmtId="3" fontId="7" fillId="0" borderId="56" xfId="0" applyNumberFormat="1" applyFont="1" applyBorder="1" applyAlignment="1">
      <alignment horizontal="center"/>
    </xf>
    <xf numFmtId="3" fontId="7" fillId="0" borderId="57" xfId="0" applyNumberFormat="1" applyFont="1" applyBorder="1" applyAlignment="1">
      <alignment horizontal="center"/>
    </xf>
    <xf numFmtId="1" fontId="7" fillId="0" borderId="58" xfId="0" applyNumberFormat="1" applyFont="1" applyBorder="1" applyAlignment="1">
      <alignment horizontal="center"/>
    </xf>
    <xf numFmtId="2" fontId="7" fillId="0" borderId="31" xfId="1" applyNumberFormat="1" applyFont="1" applyFill="1" applyBorder="1" applyAlignment="1" applyProtection="1"/>
    <xf numFmtId="37" fontId="7" fillId="0" borderId="31" xfId="1" applyFont="1" applyFill="1" applyBorder="1" applyAlignment="1"/>
    <xf numFmtId="2" fontId="7" fillId="0" borderId="60" xfId="0" applyNumberFormat="1" applyFont="1" applyBorder="1" applyAlignment="1"/>
    <xf numFmtId="37" fontId="7" fillId="0" borderId="56" xfId="1" quotePrefix="1" applyFont="1" applyFill="1" applyBorder="1" applyAlignment="1" applyProtection="1">
      <alignment horizontal="center"/>
    </xf>
    <xf numFmtId="3" fontId="7" fillId="0" borderId="56" xfId="0" applyNumberFormat="1" applyFont="1" applyBorder="1" applyAlignment="1"/>
    <xf numFmtId="1" fontId="7" fillId="0" borderId="56" xfId="0" applyNumberFormat="1" applyFont="1" applyBorder="1" applyAlignment="1"/>
    <xf numFmtId="37" fontId="7" fillId="0" borderId="61" xfId="1" applyNumberFormat="1" applyFont="1" applyFill="1" applyBorder="1" applyAlignment="1" applyProtection="1"/>
    <xf numFmtId="37" fontId="7" fillId="0" borderId="59" xfId="1" applyNumberFormat="1" applyFont="1" applyFill="1" applyBorder="1" applyAlignment="1" applyProtection="1"/>
    <xf numFmtId="37" fontId="7" fillId="0" borderId="62" xfId="1" applyNumberFormat="1" applyFont="1" applyFill="1" applyBorder="1" applyAlignment="1" applyProtection="1"/>
    <xf numFmtId="39" fontId="7" fillId="0" borderId="63" xfId="1" applyNumberFormat="1" applyFont="1" applyFill="1" applyBorder="1" applyAlignment="1" applyProtection="1"/>
    <xf numFmtId="37" fontId="7" fillId="0" borderId="64" xfId="1" applyNumberFormat="1" applyFont="1" applyFill="1" applyBorder="1" applyAlignment="1" applyProtection="1"/>
    <xf numFmtId="39" fontId="7" fillId="0" borderId="65" xfId="1" applyNumberFormat="1" applyFont="1" applyFill="1" applyBorder="1" applyAlignment="1" applyProtection="1"/>
    <xf numFmtId="37" fontId="7" fillId="0" borderId="31" xfId="1" applyNumberFormat="1" applyFont="1" applyFill="1" applyBorder="1" applyAlignment="1" applyProtection="1"/>
    <xf numFmtId="39" fontId="7" fillId="0" borderId="66" xfId="1" applyNumberFormat="1" applyFont="1" applyFill="1" applyBorder="1" applyAlignment="1" applyProtection="1"/>
    <xf numFmtId="37" fontId="7" fillId="0" borderId="34" xfId="1" applyNumberFormat="1" applyFont="1" applyFill="1" applyBorder="1" applyAlignment="1" applyProtection="1"/>
    <xf numFmtId="37" fontId="7" fillId="0" borderId="30" xfId="1" applyNumberFormat="1" applyFont="1" applyFill="1" applyBorder="1" applyAlignment="1" applyProtection="1"/>
    <xf numFmtId="37" fontId="7" fillId="0" borderId="33" xfId="1" applyNumberFormat="1" applyFont="1" applyFill="1" applyBorder="1" applyAlignment="1" applyProtection="1"/>
    <xf numFmtId="37" fontId="7" fillId="0" borderId="67" xfId="1" applyFont="1" applyFill="1" applyBorder="1" applyAlignment="1" applyProtection="1"/>
    <xf numFmtId="37" fontId="10" fillId="0" borderId="68" xfId="1" applyFont="1" applyFill="1" applyBorder="1" applyAlignment="1" applyProtection="1">
      <alignment horizontal="left"/>
    </xf>
    <xf numFmtId="1" fontId="7" fillId="0" borderId="69" xfId="0" applyNumberFormat="1" applyFont="1" applyBorder="1" applyAlignment="1">
      <alignment horizontal="center"/>
    </xf>
    <xf numFmtId="2" fontId="7" fillId="0" borderId="70" xfId="0" applyNumberFormat="1" applyFont="1" applyBorder="1" applyAlignment="1"/>
    <xf numFmtId="2" fontId="7" fillId="0" borderId="38" xfId="0" applyNumberFormat="1" applyFont="1" applyBorder="1" applyAlignment="1">
      <alignment horizontal="center"/>
    </xf>
    <xf numFmtId="3" fontId="7" fillId="0" borderId="38" xfId="0" applyNumberFormat="1" applyFont="1" applyBorder="1" applyAlignment="1"/>
    <xf numFmtId="1" fontId="7" fillId="0" borderId="38" xfId="0" applyNumberFormat="1" applyFont="1" applyBorder="1" applyAlignment="1"/>
    <xf numFmtId="37" fontId="7" fillId="0" borderId="71" xfId="1" applyNumberFormat="1" applyFont="1" applyFill="1" applyBorder="1" applyAlignment="1" applyProtection="1"/>
    <xf numFmtId="37" fontId="7" fillId="0" borderId="72" xfId="1" applyNumberFormat="1" applyFont="1" applyFill="1" applyBorder="1" applyAlignment="1" applyProtection="1"/>
    <xf numFmtId="39" fontId="7" fillId="0" borderId="73" xfId="1" applyNumberFormat="1" applyFont="1" applyFill="1" applyBorder="1" applyAlignment="1" applyProtection="1"/>
    <xf numFmtId="2" fontId="7" fillId="0" borderId="49" xfId="0" applyNumberFormat="1" applyFont="1" applyBorder="1" applyAlignment="1"/>
    <xf numFmtId="2" fontId="7" fillId="0" borderId="49" xfId="0" applyNumberFormat="1" applyFont="1" applyFill="1" applyBorder="1" applyAlignment="1"/>
    <xf numFmtId="2" fontId="7" fillId="0" borderId="49" xfId="0" applyNumberFormat="1" applyFont="1" applyFill="1" applyBorder="1" applyAlignment="1">
      <alignment horizontal="center"/>
    </xf>
    <xf numFmtId="37" fontId="10" fillId="0" borderId="30" xfId="1" applyFont="1" applyFill="1" applyBorder="1" applyAlignment="1" applyProtection="1">
      <alignment horizontal="left"/>
    </xf>
    <xf numFmtId="37" fontId="7" fillId="0" borderId="33" xfId="1" applyFont="1" applyFill="1" applyBorder="1" applyAlignment="1" applyProtection="1">
      <alignment horizontal="center"/>
    </xf>
    <xf numFmtId="3" fontId="7" fillId="0" borderId="38" xfId="0" applyNumberFormat="1" applyFont="1" applyFill="1" applyBorder="1" applyAlignment="1">
      <alignment horizontal="center"/>
    </xf>
    <xf numFmtId="3" fontId="7" fillId="0" borderId="39" xfId="0" applyNumberFormat="1" applyFont="1" applyFill="1" applyBorder="1" applyAlignment="1">
      <alignment horizontal="center"/>
    </xf>
    <xf numFmtId="1" fontId="7" fillId="0" borderId="69" xfId="0" applyNumberFormat="1" applyFont="1" applyFill="1" applyBorder="1" applyAlignment="1">
      <alignment horizontal="center"/>
    </xf>
    <xf numFmtId="2" fontId="7" fillId="0" borderId="38" xfId="0" applyNumberFormat="1" applyFont="1" applyBorder="1" applyAlignment="1"/>
    <xf numFmtId="37" fontId="7" fillId="0" borderId="38" xfId="1" applyNumberFormat="1" applyFont="1" applyFill="1" applyBorder="1" applyAlignment="1" applyProtection="1"/>
    <xf numFmtId="1" fontId="7" fillId="0" borderId="50" xfId="0" applyNumberFormat="1" applyFont="1" applyFill="1" applyBorder="1" applyAlignment="1">
      <alignment horizontal="center" shrinkToFit="1"/>
    </xf>
    <xf numFmtId="2" fontId="11" fillId="0" borderId="49" xfId="0" quotePrefix="1" applyNumberFormat="1" applyFont="1" applyBorder="1" applyAlignment="1">
      <alignment horizontal="center"/>
    </xf>
    <xf numFmtId="3" fontId="7" fillId="0" borderId="56" xfId="0" applyNumberFormat="1" applyFont="1" applyFill="1" applyBorder="1" applyAlignment="1">
      <alignment horizontal="center"/>
    </xf>
    <xf numFmtId="3" fontId="7" fillId="0" borderId="57" xfId="0" applyNumberFormat="1" applyFont="1" applyFill="1" applyBorder="1" applyAlignment="1">
      <alignment horizontal="center"/>
    </xf>
    <xf numFmtId="1" fontId="7" fillId="0" borderId="58" xfId="0" applyNumberFormat="1" applyFont="1" applyFill="1" applyBorder="1" applyAlignment="1">
      <alignment horizontal="center"/>
    </xf>
    <xf numFmtId="2" fontId="7" fillId="0" borderId="74" xfId="0" applyNumberFormat="1" applyFont="1" applyFill="1" applyBorder="1" applyAlignment="1"/>
    <xf numFmtId="2" fontId="7" fillId="0" borderId="30" xfId="0" applyNumberFormat="1" applyFont="1" applyFill="1" applyBorder="1" applyAlignment="1"/>
    <xf numFmtId="3" fontId="7" fillId="0" borderId="30" xfId="0" applyNumberFormat="1" applyFont="1" applyFill="1" applyBorder="1" applyAlignment="1"/>
    <xf numFmtId="1" fontId="7" fillId="0" borderId="75" xfId="0" applyNumberFormat="1" applyFont="1" applyFill="1" applyBorder="1" applyAlignment="1"/>
    <xf numFmtId="37" fontId="7" fillId="0" borderId="0" xfId="1" applyNumberFormat="1" applyFont="1" applyFill="1" applyBorder="1" applyAlignment="1" applyProtection="1"/>
    <xf numFmtId="37" fontId="7" fillId="0" borderId="43" xfId="1" applyFont="1" applyFill="1" applyBorder="1" applyAlignment="1" applyProtection="1">
      <alignment horizontal="center"/>
    </xf>
    <xf numFmtId="2" fontId="7" fillId="0" borderId="38" xfId="1" applyNumberFormat="1" applyFont="1" applyFill="1" applyBorder="1" applyAlignment="1" applyProtection="1"/>
    <xf numFmtId="39" fontId="7" fillId="0" borderId="39" xfId="1" applyNumberFormat="1" applyFont="1" applyFill="1" applyBorder="1" applyAlignment="1" applyProtection="1">
      <alignment horizontal="centerContinuous"/>
    </xf>
    <xf numFmtId="37" fontId="7" fillId="0" borderId="39" xfId="1" applyNumberFormat="1" applyFont="1" applyFill="1" applyBorder="1" applyAlignment="1" applyProtection="1">
      <alignment horizontal="center"/>
    </xf>
    <xf numFmtId="37" fontId="7" fillId="0" borderId="76" xfId="1" applyNumberFormat="1" applyFont="1" applyFill="1" applyBorder="1" applyAlignment="1" applyProtection="1">
      <alignment horizontal="centerContinuous"/>
    </xf>
    <xf numFmtId="37" fontId="7" fillId="0" borderId="20" xfId="1" applyFont="1" applyFill="1" applyBorder="1" applyAlignment="1"/>
    <xf numFmtId="37" fontId="7" fillId="0" borderId="21" xfId="1" applyFont="1" applyFill="1" applyBorder="1" applyAlignment="1"/>
    <xf numFmtId="39" fontId="7" fillId="0" borderId="77" xfId="1" applyNumberFormat="1" applyFont="1" applyFill="1" applyBorder="1" applyAlignment="1" applyProtection="1">
      <alignment horizontal="left"/>
    </xf>
    <xf numFmtId="39" fontId="7" fillId="0" borderId="43" xfId="1" applyNumberFormat="1" applyFont="1" applyFill="1" applyBorder="1" applyAlignment="1" applyProtection="1"/>
    <xf numFmtId="37" fontId="7" fillId="0" borderId="43" xfId="1" applyFont="1" applyFill="1" applyBorder="1" applyAlignment="1"/>
    <xf numFmtId="37" fontId="7" fillId="0" borderId="78" xfId="1" applyNumberFormat="1" applyFont="1" applyFill="1" applyBorder="1" applyAlignment="1" applyProtection="1"/>
    <xf numFmtId="37" fontId="7" fillId="0" borderId="79" xfId="1" applyFont="1" applyFill="1" applyBorder="1" applyAlignment="1"/>
    <xf numFmtId="37" fontId="7" fillId="0" borderId="79" xfId="1" applyNumberFormat="1" applyFont="1" applyFill="1" applyBorder="1" applyAlignment="1" applyProtection="1"/>
    <xf numFmtId="37" fontId="7" fillId="0" borderId="20" xfId="1" applyNumberFormat="1" applyFont="1" applyFill="1" applyBorder="1" applyAlignment="1" applyProtection="1"/>
    <xf numFmtId="37" fontId="7" fillId="0" borderId="80" xfId="1" applyNumberFormat="1" applyFont="1" applyFill="1" applyBorder="1" applyAlignment="1" applyProtection="1"/>
    <xf numFmtId="37" fontId="7" fillId="0" borderId="81" xfId="1" applyNumberFormat="1" applyFont="1" applyFill="1" applyBorder="1" applyAlignment="1" applyProtection="1"/>
    <xf numFmtId="37" fontId="7" fillId="0" borderId="24" xfId="1" applyNumberFormat="1" applyFont="1" applyFill="1" applyBorder="1" applyAlignment="1" applyProtection="1"/>
    <xf numFmtId="37" fontId="7" fillId="0" borderId="51" xfId="1" applyNumberFormat="1" applyFont="1" applyFill="1" applyBorder="1" applyAlignment="1" applyProtection="1"/>
    <xf numFmtId="37" fontId="7" fillId="0" borderId="82" xfId="1" applyNumberFormat="1" applyFont="1" applyFill="1" applyBorder="1" applyAlignment="1" applyProtection="1"/>
    <xf numFmtId="37" fontId="7" fillId="0" borderId="34" xfId="1" applyFont="1" applyFill="1" applyBorder="1" applyAlignment="1" applyProtection="1">
      <alignment horizontal="center"/>
    </xf>
    <xf numFmtId="2" fontId="7" fillId="0" borderId="30" xfId="1" applyNumberFormat="1" applyFont="1" applyFill="1" applyBorder="1" applyAlignment="1" applyProtection="1"/>
    <xf numFmtId="39" fontId="7" fillId="0" borderId="31" xfId="1" applyNumberFormat="1" applyFont="1" applyFill="1" applyBorder="1" applyAlignment="1" applyProtection="1">
      <alignment horizontal="centerContinuous"/>
    </xf>
    <xf numFmtId="37" fontId="7" fillId="0" borderId="31" xfId="1" applyNumberFormat="1" applyFont="1" applyFill="1" applyBorder="1" applyAlignment="1" applyProtection="1">
      <alignment horizontal="center"/>
    </xf>
    <xf numFmtId="37" fontId="7" fillId="0" borderId="32" xfId="1" applyNumberFormat="1" applyFont="1" applyFill="1" applyBorder="1" applyAlignment="1" applyProtection="1">
      <alignment horizontal="centerContinuous"/>
    </xf>
    <xf numFmtId="37" fontId="7" fillId="0" borderId="33" xfId="1" applyFont="1" applyFill="1" applyBorder="1" applyAlignment="1"/>
    <xf numFmtId="39" fontId="7" fillId="0" borderId="83" xfId="1" applyNumberFormat="1" applyFont="1" applyFill="1" applyBorder="1" applyAlignment="1" applyProtection="1">
      <alignment horizontal="left"/>
    </xf>
    <xf numFmtId="39" fontId="7" fillId="0" borderId="61" xfId="1" applyNumberFormat="1" applyFont="1" applyFill="1" applyBorder="1" applyAlignment="1" applyProtection="1"/>
    <xf numFmtId="37" fontId="7" fillId="0" borderId="61" xfId="1" applyFont="1" applyFill="1" applyBorder="1" applyAlignment="1"/>
    <xf numFmtId="37" fontId="7" fillId="0" borderId="84" xfId="1" applyNumberFormat="1" applyFont="1" applyFill="1" applyBorder="1" applyAlignment="1" applyProtection="1"/>
    <xf numFmtId="37" fontId="7" fillId="0" borderId="63" xfId="1" applyFont="1" applyFill="1" applyBorder="1" applyAlignment="1"/>
    <xf numFmtId="37" fontId="7" fillId="0" borderId="63" xfId="1" applyNumberFormat="1" applyFont="1" applyFill="1" applyBorder="1" applyAlignment="1" applyProtection="1"/>
    <xf numFmtId="37" fontId="7" fillId="0" borderId="65" xfId="1" applyNumberFormat="1" applyFont="1" applyFill="1" applyBorder="1" applyAlignment="1" applyProtection="1"/>
    <xf numFmtId="37" fontId="7" fillId="0" borderId="66" xfId="1" applyNumberFormat="1" applyFont="1" applyFill="1" applyBorder="1" applyAlignment="1" applyProtection="1"/>
    <xf numFmtId="37" fontId="7" fillId="0" borderId="85" xfId="1" applyNumberFormat="1" applyFont="1" applyFill="1" applyBorder="1" applyAlignment="1" applyProtection="1"/>
    <xf numFmtId="37" fontId="13" fillId="0" borderId="0" xfId="1" applyFont="1" applyBorder="1"/>
    <xf numFmtId="37" fontId="7" fillId="0" borderId="43" xfId="1" applyFont="1" applyBorder="1" applyAlignment="1" applyProtection="1">
      <alignment horizontal="center"/>
    </xf>
    <xf numFmtId="37" fontId="7" fillId="0" borderId="38" xfId="1" applyNumberFormat="1" applyFont="1" applyBorder="1" applyAlignment="1" applyProtection="1">
      <alignment horizontal="center"/>
    </xf>
    <xf numFmtId="39" fontId="7" fillId="0" borderId="42" xfId="1" applyNumberFormat="1" applyFont="1" applyBorder="1" applyAlignment="1" applyProtection="1">
      <alignment horizontal="centerContinuous"/>
    </xf>
    <xf numFmtId="37" fontId="7" fillId="0" borderId="87" xfId="1" applyNumberFormat="1" applyFont="1" applyBorder="1" applyAlignment="1" applyProtection="1">
      <alignment horizontal="centerContinuous"/>
    </xf>
    <xf numFmtId="37" fontId="7" fillId="0" borderId="43" xfId="1" applyNumberFormat="1" applyFont="1" applyBorder="1" applyAlignment="1" applyProtection="1">
      <alignment horizontal="centerContinuous"/>
    </xf>
    <xf numFmtId="37" fontId="7" fillId="0" borderId="39" xfId="1" applyFont="1" applyBorder="1" applyAlignment="1" applyProtection="1">
      <alignment horizontal="center"/>
    </xf>
    <xf numFmtId="1" fontId="7" fillId="0" borderId="39" xfId="1" applyNumberFormat="1" applyFont="1" applyBorder="1" applyAlignment="1" applyProtection="1">
      <alignment horizontal="centerContinuous"/>
    </xf>
    <xf numFmtId="37" fontId="7" fillId="0" borderId="44" xfId="1" applyFont="1" applyBorder="1" applyAlignment="1" applyProtection="1">
      <alignment horizontal="center"/>
    </xf>
    <xf numFmtId="37" fontId="7" fillId="0" borderId="77" xfId="1" applyFont="1" applyBorder="1" applyAlignment="1" applyProtection="1">
      <alignment horizontal="right"/>
    </xf>
    <xf numFmtId="37" fontId="7" fillId="0" borderId="43" xfId="1" applyFont="1" applyBorder="1" applyAlignment="1" applyProtection="1">
      <alignment horizontal="right"/>
    </xf>
    <xf numFmtId="37" fontId="7" fillId="0" borderId="39" xfId="1" applyNumberFormat="1" applyFont="1" applyBorder="1" applyProtection="1"/>
    <xf numFmtId="37" fontId="7" fillId="0" borderId="44" xfId="1" applyNumberFormat="1" applyFont="1" applyBorder="1" applyProtection="1"/>
    <xf numFmtId="37" fontId="7" fillId="0" borderId="43" xfId="1" applyNumberFormat="1" applyFont="1" applyBorder="1" applyProtection="1"/>
    <xf numFmtId="39" fontId="7" fillId="0" borderId="46" xfId="1" applyNumberFormat="1" applyFont="1" applyBorder="1" applyProtection="1"/>
    <xf numFmtId="39" fontId="7" fillId="0" borderId="47" xfId="1" applyNumberFormat="1" applyFont="1" applyBorder="1" applyProtection="1"/>
    <xf numFmtId="39" fontId="7" fillId="0" borderId="88" xfId="1" applyNumberFormat="1" applyFont="1" applyBorder="1" applyProtection="1"/>
    <xf numFmtId="37" fontId="7" fillId="0" borderId="38" xfId="1" applyFont="1" applyBorder="1" applyAlignment="1" applyProtection="1">
      <alignment horizontal="center"/>
    </xf>
    <xf numFmtId="37" fontId="7" fillId="0" borderId="17" xfId="1" applyNumberFormat="1" applyFont="1" applyBorder="1" applyAlignment="1" applyProtection="1">
      <alignment shrinkToFit="1"/>
    </xf>
    <xf numFmtId="37" fontId="7" fillId="0" borderId="39" xfId="1" applyNumberFormat="1" applyFont="1" applyBorder="1" applyAlignment="1" applyProtection="1">
      <alignment horizontal="centerContinuous"/>
    </xf>
    <xf numFmtId="37" fontId="7" fillId="0" borderId="77" xfId="1" applyFont="1" applyBorder="1" applyAlignment="1" applyProtection="1">
      <alignment horizontal="center"/>
    </xf>
    <xf numFmtId="39" fontId="7" fillId="0" borderId="90" xfId="1" applyNumberFormat="1" applyFont="1" applyBorder="1" applyProtection="1"/>
    <xf numFmtId="1" fontId="7" fillId="0" borderId="39" xfId="1" applyNumberFormat="1" applyFont="1" applyBorder="1" applyAlignment="1" applyProtection="1">
      <alignment horizontal="center"/>
    </xf>
    <xf numFmtId="37" fontId="7" fillId="0" borderId="56" xfId="1" applyFont="1" applyBorder="1" applyAlignment="1" applyProtection="1">
      <alignment horizontal="center"/>
    </xf>
    <xf numFmtId="37" fontId="7" fillId="0" borderId="31" xfId="1" applyNumberFormat="1" applyFont="1" applyBorder="1" applyAlignment="1" applyProtection="1">
      <alignment horizontal="centerContinuous"/>
    </xf>
    <xf numFmtId="37" fontId="7" fillId="0" borderId="34" xfId="1" applyNumberFormat="1" applyFont="1" applyBorder="1" applyAlignment="1" applyProtection="1">
      <alignment horizontal="centerContinuous"/>
    </xf>
    <xf numFmtId="37" fontId="7" fillId="0" borderId="56" xfId="1" quotePrefix="1" applyFont="1" applyBorder="1" applyAlignment="1" applyProtection="1">
      <alignment horizontal="center"/>
    </xf>
    <xf numFmtId="37" fontId="7" fillId="0" borderId="59" xfId="1" quotePrefix="1" applyFont="1" applyBorder="1" applyAlignment="1" applyProtection="1">
      <alignment horizontal="center"/>
    </xf>
    <xf numFmtId="39" fontId="7" fillId="0" borderId="28" xfId="1" applyNumberFormat="1" applyFont="1" applyBorder="1" applyProtection="1"/>
    <xf numFmtId="39" fontId="7" fillId="0" borderId="34" xfId="1" applyNumberFormat="1" applyFont="1" applyBorder="1" applyAlignment="1" applyProtection="1">
      <alignment horizontal="left"/>
    </xf>
    <xf numFmtId="2" fontId="7" fillId="0" borderId="56" xfId="1" quotePrefix="1" applyNumberFormat="1" applyFont="1" applyBorder="1" applyAlignment="1" applyProtection="1">
      <alignment horizontal="center"/>
    </xf>
    <xf numFmtId="2" fontId="7" fillId="0" borderId="59" xfId="1" quotePrefix="1" applyNumberFormat="1" applyFont="1" applyBorder="1" applyAlignment="1" applyProtection="1">
      <alignment horizontal="center"/>
    </xf>
    <xf numFmtId="2" fontId="7" fillId="0" borderId="61" xfId="1" quotePrefix="1" applyNumberFormat="1" applyFont="1" applyBorder="1" applyAlignment="1" applyProtection="1">
      <alignment horizontal="center"/>
    </xf>
    <xf numFmtId="2" fontId="7" fillId="0" borderId="35" xfId="1" quotePrefix="1" applyNumberFormat="1" applyFont="1" applyBorder="1" applyAlignment="1" applyProtection="1">
      <alignment horizontal="center"/>
    </xf>
    <xf numFmtId="2" fontId="7" fillId="0" borderId="57" xfId="1" quotePrefix="1" applyNumberFormat="1" applyFont="1" applyBorder="1" applyAlignment="1" applyProtection="1">
      <alignment horizontal="center"/>
    </xf>
    <xf numFmtId="2" fontId="7" fillId="0" borderId="36" xfId="1" quotePrefix="1" applyNumberFormat="1" applyFont="1" applyBorder="1" applyAlignment="1" applyProtection="1">
      <alignment horizontal="center"/>
    </xf>
    <xf numFmtId="2" fontId="7" fillId="0" borderId="37" xfId="1" quotePrefix="1" applyNumberFormat="1" applyFont="1" applyBorder="1" applyAlignment="1" applyProtection="1">
      <alignment horizontal="center"/>
    </xf>
    <xf numFmtId="37" fontId="7" fillId="0" borderId="1" xfId="1" applyFont="1" applyBorder="1" applyAlignment="1" applyProtection="1">
      <alignment horizontal="center"/>
    </xf>
    <xf numFmtId="37" fontId="7" fillId="0" borderId="93" xfId="1" applyNumberFormat="1" applyFont="1" applyBorder="1" applyAlignment="1" applyProtection="1">
      <alignment horizontal="center"/>
    </xf>
    <xf numFmtId="37" fontId="7" fillId="0" borderId="93" xfId="1" applyNumberFormat="1" applyFont="1" applyBorder="1" applyAlignment="1" applyProtection="1">
      <alignment shrinkToFit="1"/>
    </xf>
    <xf numFmtId="37" fontId="7" fillId="0" borderId="94" xfId="1" applyNumberFormat="1" applyFont="1" applyBorder="1" applyAlignment="1" applyProtection="1">
      <alignment horizontal="centerContinuous"/>
    </xf>
    <xf numFmtId="37" fontId="7" fillId="0" borderId="1" xfId="1" applyNumberFormat="1" applyFont="1" applyBorder="1" applyAlignment="1" applyProtection="1">
      <alignment horizontal="centerContinuous"/>
    </xf>
    <xf numFmtId="37" fontId="7" fillId="0" borderId="94" xfId="1" applyFont="1" applyBorder="1" applyAlignment="1" applyProtection="1">
      <alignment horizontal="center"/>
    </xf>
    <xf numFmtId="1" fontId="7" fillId="0" borderId="94" xfId="1" applyNumberFormat="1" applyFont="1" applyBorder="1" applyAlignment="1" applyProtection="1">
      <alignment horizontal="center"/>
    </xf>
    <xf numFmtId="37" fontId="7" fillId="0" borderId="95" xfId="1" applyFont="1" applyBorder="1" applyAlignment="1" applyProtection="1">
      <alignment horizontal="center"/>
    </xf>
    <xf numFmtId="37" fontId="7" fillId="0" borderId="96" xfId="1" applyFont="1" applyBorder="1" applyAlignment="1" applyProtection="1">
      <alignment horizontal="center"/>
    </xf>
    <xf numFmtId="37" fontId="7" fillId="0" borderId="94" xfId="1" applyNumberFormat="1" applyFont="1" applyBorder="1" applyProtection="1"/>
    <xf numFmtId="37" fontId="7" fillId="0" borderId="95" xfId="1" applyNumberFormat="1" applyFont="1" applyBorder="1" applyProtection="1"/>
    <xf numFmtId="37" fontId="7" fillId="0" borderId="1" xfId="1" applyNumberFormat="1" applyFont="1" applyBorder="1" applyProtection="1"/>
    <xf numFmtId="39" fontId="7" fillId="0" borderId="97" xfId="1" applyNumberFormat="1" applyFont="1" applyBorder="1" applyProtection="1"/>
    <xf numFmtId="39" fontId="7" fillId="0" borderId="98" xfId="1" applyNumberFormat="1" applyFont="1" applyBorder="1" applyProtection="1"/>
    <xf numFmtId="39" fontId="7" fillId="0" borderId="99" xfId="1" applyNumberFormat="1" applyFont="1" applyBorder="1" applyProtection="1"/>
    <xf numFmtId="176" fontId="7" fillId="0" borderId="0" xfId="1" applyNumberFormat="1" applyFont="1" applyBorder="1"/>
    <xf numFmtId="176" fontId="7" fillId="0" borderId="31" xfId="1" applyNumberFormat="1" applyFont="1" applyBorder="1" applyAlignment="1" applyProtection="1">
      <alignment horizontal="right"/>
    </xf>
    <xf numFmtId="176" fontId="7" fillId="0" borderId="39" xfId="1" applyNumberFormat="1" applyFont="1" applyFill="1" applyBorder="1" applyAlignment="1" applyProtection="1"/>
    <xf numFmtId="176" fontId="7" fillId="0" borderId="56" xfId="1" applyNumberFormat="1" applyFont="1" applyFill="1" applyBorder="1" applyAlignment="1" applyProtection="1"/>
    <xf numFmtId="176" fontId="7" fillId="0" borderId="20" xfId="1" applyNumberFormat="1" applyFont="1" applyFill="1" applyBorder="1" applyAlignment="1" applyProtection="1"/>
    <xf numFmtId="176" fontId="7" fillId="0" borderId="31" xfId="1" applyNumberFormat="1" applyFont="1" applyFill="1" applyBorder="1" applyAlignment="1" applyProtection="1"/>
    <xf numFmtId="176" fontId="7" fillId="0" borderId="39" xfId="1" applyNumberFormat="1" applyFont="1" applyBorder="1" applyProtection="1"/>
    <xf numFmtId="176" fontId="7" fillId="0" borderId="56" xfId="1" quotePrefix="1" applyNumberFormat="1" applyFont="1" applyBorder="1" applyAlignment="1" applyProtection="1">
      <alignment horizontal="center"/>
    </xf>
    <xf numFmtId="176" fontId="7" fillId="0" borderId="94" xfId="1" applyNumberFormat="1" applyFont="1" applyBorder="1" applyProtection="1"/>
    <xf numFmtId="176" fontId="7" fillId="0" borderId="0" xfId="1" applyNumberFormat="1" applyFont="1"/>
    <xf numFmtId="37" fontId="7" fillId="0" borderId="0" xfId="1" applyFont="1" applyBorder="1" applyAlignment="1"/>
    <xf numFmtId="37" fontId="7" fillId="0" borderId="1" xfId="1" applyFont="1" applyBorder="1" applyAlignment="1"/>
    <xf numFmtId="37" fontId="7" fillId="0" borderId="2" xfId="1" applyFont="1" applyBorder="1" applyAlignment="1" applyProtection="1">
      <alignment horizontal="distributed" vertical="center" justifyLastLine="1"/>
    </xf>
    <xf numFmtId="0" fontId="8" fillId="0" borderId="3" xfId="0" applyFont="1" applyBorder="1" applyAlignment="1">
      <alignment horizontal="distributed" vertical="center" justifyLastLine="1"/>
    </xf>
    <xf numFmtId="0" fontId="8" fillId="0" borderId="14" xfId="0" applyFont="1" applyBorder="1" applyAlignment="1">
      <alignment horizontal="distributed" vertical="center" justifyLastLine="1"/>
    </xf>
    <xf numFmtId="0" fontId="8" fillId="0" borderId="15" xfId="0" applyFont="1" applyBorder="1" applyAlignment="1">
      <alignment horizontal="distributed" vertical="center" justifyLastLine="1"/>
    </xf>
    <xf numFmtId="0" fontId="8" fillId="0" borderId="28" xfId="0" applyFont="1" applyBorder="1" applyAlignment="1">
      <alignment horizontal="distributed" vertical="center" justifyLastLine="1"/>
    </xf>
    <xf numFmtId="0" fontId="8" fillId="0" borderId="29" xfId="0" applyFont="1" applyBorder="1" applyAlignment="1">
      <alignment horizontal="distributed" vertical="center" justifyLastLine="1"/>
    </xf>
    <xf numFmtId="37" fontId="7" fillId="0" borderId="4" xfId="1" applyFont="1" applyBorder="1" applyAlignment="1" applyProtection="1">
      <alignment horizontal="distributed" justifyLastLine="1"/>
    </xf>
    <xf numFmtId="37" fontId="7" fillId="0" borderId="5" xfId="1" applyFont="1" applyBorder="1" applyAlignment="1" applyProtection="1">
      <alignment horizontal="distributed" justifyLastLine="1"/>
    </xf>
    <xf numFmtId="37" fontId="7" fillId="0" borderId="6" xfId="1" applyFont="1" applyBorder="1" applyAlignment="1" applyProtection="1">
      <alignment horizontal="center" vertical="center" wrapText="1"/>
    </xf>
    <xf numFmtId="37" fontId="7" fillId="0" borderId="17" xfId="1" applyFont="1" applyBorder="1" applyAlignment="1" applyProtection="1">
      <alignment horizontal="center" vertical="center" wrapText="1"/>
    </xf>
    <xf numFmtId="37" fontId="7" fillId="0" borderId="30" xfId="1" applyFont="1" applyBorder="1" applyAlignment="1" applyProtection="1">
      <alignment horizontal="center" vertical="center" wrapText="1"/>
    </xf>
    <xf numFmtId="37" fontId="7" fillId="0" borderId="4" xfId="1" applyFont="1" applyBorder="1" applyAlignment="1" applyProtection="1">
      <alignment horizontal="distributed" wrapText="1" justifyLastLine="1"/>
    </xf>
    <xf numFmtId="0" fontId="8" fillId="0" borderId="5" xfId="0" applyFont="1" applyBorder="1" applyAlignment="1">
      <alignment horizontal="distributed" wrapText="1" justifyLastLine="1"/>
    </xf>
    <xf numFmtId="37" fontId="7" fillId="0" borderId="4" xfId="1" applyFont="1" applyBorder="1" applyAlignment="1">
      <alignment horizontal="center"/>
    </xf>
    <xf numFmtId="0" fontId="8" fillId="0" borderId="7" xfId="0" applyFont="1" applyBorder="1" applyAlignment="1">
      <alignment horizontal="center"/>
    </xf>
    <xf numFmtId="0" fontId="8" fillId="0" borderId="5" xfId="0" applyFont="1" applyBorder="1" applyAlignment="1">
      <alignment horizontal="center"/>
    </xf>
    <xf numFmtId="37" fontId="7" fillId="0" borderId="9" xfId="1" applyFont="1" applyBorder="1" applyAlignment="1">
      <alignment horizontal="center"/>
    </xf>
    <xf numFmtId="37" fontId="7" fillId="0" borderId="7" xfId="1" applyFont="1" applyBorder="1" applyAlignment="1">
      <alignment horizontal="center"/>
    </xf>
    <xf numFmtId="37" fontId="7" fillId="0" borderId="5" xfId="1" applyFont="1" applyBorder="1" applyAlignment="1">
      <alignment horizontal="center"/>
    </xf>
    <xf numFmtId="37" fontId="7" fillId="0" borderId="11" xfId="1" applyFont="1" applyBorder="1" applyAlignment="1" applyProtection="1">
      <alignment horizontal="distributed" justifyLastLine="1"/>
    </xf>
    <xf numFmtId="37" fontId="7" fillId="0" borderId="7" xfId="1" applyFont="1" applyBorder="1" applyAlignment="1" applyProtection="1">
      <alignment horizontal="center"/>
    </xf>
    <xf numFmtId="0" fontId="8" fillId="0" borderId="7" xfId="0" applyFont="1" applyBorder="1" applyAlignment="1"/>
    <xf numFmtId="0" fontId="8" fillId="0" borderId="11" xfId="0" applyFont="1" applyBorder="1" applyAlignment="1"/>
    <xf numFmtId="37" fontId="7" fillId="0" borderId="12" xfId="1" applyFont="1" applyBorder="1" applyAlignment="1" applyProtection="1">
      <alignment horizontal="distributed" vertical="center" justifyLastLine="1"/>
    </xf>
    <xf numFmtId="37" fontId="7" fillId="0" borderId="27" xfId="1" applyFont="1" applyBorder="1" applyAlignment="1" applyProtection="1">
      <alignment horizontal="distributed" vertical="center" justifyLastLine="1"/>
    </xf>
    <xf numFmtId="37" fontId="7" fillId="0" borderId="6" xfId="1" applyFont="1" applyBorder="1" applyAlignment="1" applyProtection="1">
      <alignment horizontal="distributed" vertical="center" justifyLastLine="1"/>
    </xf>
    <xf numFmtId="37" fontId="7" fillId="0" borderId="17" xfId="1" applyFont="1" applyBorder="1" applyAlignment="1" applyProtection="1">
      <alignment horizontal="distributed" vertical="center" justifyLastLine="1"/>
    </xf>
    <xf numFmtId="176" fontId="7" fillId="0" borderId="6" xfId="1" applyNumberFormat="1" applyFont="1" applyBorder="1" applyAlignment="1" applyProtection="1">
      <alignment horizontal="distributed" vertical="center" justifyLastLine="1"/>
    </xf>
    <xf numFmtId="176" fontId="7" fillId="0" borderId="17" xfId="1" applyNumberFormat="1" applyFont="1" applyBorder="1" applyAlignment="1" applyProtection="1">
      <alignment horizontal="distributed" vertical="center" justifyLastLine="1"/>
    </xf>
    <xf numFmtId="37" fontId="7" fillId="0" borderId="16" xfId="1" applyFont="1" applyBorder="1" applyAlignment="1" applyProtection="1">
      <alignment horizontal="center" vertical="center"/>
    </xf>
    <xf numFmtId="37" fontId="7" fillId="0" borderId="30" xfId="1" applyFont="1" applyBorder="1" applyAlignment="1" applyProtection="1">
      <alignment horizontal="center" vertical="center"/>
    </xf>
    <xf numFmtId="37" fontId="7" fillId="0" borderId="18" xfId="1" applyFont="1" applyBorder="1" applyAlignment="1" applyProtection="1">
      <alignment horizontal="center" vertical="center"/>
    </xf>
    <xf numFmtId="0" fontId="8" fillId="0" borderId="31" xfId="0" applyFont="1" applyBorder="1" applyAlignment="1">
      <alignment horizontal="center" vertical="center"/>
    </xf>
    <xf numFmtId="37" fontId="7" fillId="0" borderId="19" xfId="1" applyFont="1" applyBorder="1" applyAlignment="1" applyProtection="1">
      <alignment horizontal="center" vertical="center"/>
    </xf>
    <xf numFmtId="0" fontId="8" fillId="0" borderId="32" xfId="0" applyFont="1" applyBorder="1" applyAlignment="1">
      <alignment horizontal="center" vertical="center"/>
    </xf>
    <xf numFmtId="37" fontId="7" fillId="0" borderId="23" xfId="1" applyFont="1" applyBorder="1" applyAlignment="1" applyProtection="1">
      <alignment horizontal="distributed" justifyLastLine="1"/>
    </xf>
    <xf numFmtId="37" fontId="7" fillId="0" borderId="24" xfId="1" applyFont="1" applyBorder="1" applyAlignment="1" applyProtection="1">
      <alignment horizontal="distributed" justifyLastLine="1"/>
    </xf>
    <xf numFmtId="37" fontId="7" fillId="0" borderId="25" xfId="1" applyFont="1" applyBorder="1" applyAlignment="1" applyProtection="1">
      <alignment horizontal="distributed" justifyLastLine="1"/>
    </xf>
    <xf numFmtId="37" fontId="7" fillId="0" borderId="26" xfId="1" applyFont="1" applyBorder="1" applyAlignment="1" applyProtection="1">
      <alignment horizontal="distributed" justifyLastLine="1"/>
    </xf>
    <xf numFmtId="37" fontId="7" fillId="0" borderId="67" xfId="1" applyFont="1" applyBorder="1" applyAlignment="1" applyProtection="1">
      <alignment horizontal="distributed" justifyLastLine="1"/>
    </xf>
    <xf numFmtId="0" fontId="8" fillId="0" borderId="86" xfId="0" applyFont="1" applyBorder="1" applyAlignment="1">
      <alignment horizontal="distributed" justifyLastLine="1"/>
    </xf>
    <xf numFmtId="37" fontId="7" fillId="0" borderId="89" xfId="1" applyFont="1" applyBorder="1" applyAlignment="1" applyProtection="1">
      <alignment horizontal="distributed" justifyLastLine="1"/>
    </xf>
    <xf numFmtId="0" fontId="8" fillId="0" borderId="24" xfId="0" applyFont="1" applyBorder="1" applyAlignment="1">
      <alignment horizontal="distributed" justifyLastLine="1"/>
    </xf>
    <xf numFmtId="37" fontId="7" fillId="0" borderId="28" xfId="1" applyFont="1" applyBorder="1" applyAlignment="1" applyProtection="1">
      <alignment horizontal="distributed" justifyLastLine="1"/>
    </xf>
    <xf numFmtId="0" fontId="8" fillId="0" borderId="29" xfId="0" applyFont="1" applyBorder="1" applyAlignment="1">
      <alignment horizontal="distributed" justifyLastLine="1"/>
    </xf>
    <xf numFmtId="37" fontId="7" fillId="0" borderId="91" xfId="1" applyFont="1" applyBorder="1" applyAlignment="1" applyProtection="1">
      <alignment horizontal="distributed" justifyLastLine="1"/>
    </xf>
    <xf numFmtId="0" fontId="8" fillId="0" borderId="92" xfId="0" applyFont="1" applyBorder="1" applyAlignment="1">
      <alignment horizontal="distributed" justifyLastLine="1"/>
    </xf>
  </cellXfs>
  <cellStyles count="2">
    <cellStyle name="標準" xfId="0" builtinId="0"/>
    <cellStyle name="標準_単独集計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/>
  <dimension ref="A1:AJ53"/>
  <sheetViews>
    <sheetView tabSelected="1" view="pageBreakPreview" zoomScaleNormal="100" workbookViewId="0">
      <selection activeCell="AD10" sqref="AD10"/>
    </sheetView>
  </sheetViews>
  <sheetFormatPr defaultColWidth="11.875" defaultRowHeight="11.25" x14ac:dyDescent="0.15"/>
  <cols>
    <col min="1" max="1" width="3.625" style="3" customWidth="1"/>
    <col min="2" max="2" width="10" style="3" customWidth="1"/>
    <col min="3" max="4" width="4.625" style="3" customWidth="1"/>
    <col min="5" max="5" width="6.125" style="3" customWidth="1"/>
    <col min="6" max="6" width="4.625" style="3" customWidth="1"/>
    <col min="7" max="7" width="15.5" style="3" bestFit="1" customWidth="1"/>
    <col min="8" max="9" width="9.625" style="3" customWidth="1"/>
    <col min="10" max="10" width="6.375" style="3" customWidth="1"/>
    <col min="11" max="15" width="9.625" style="3" customWidth="1"/>
    <col min="16" max="16" width="7.75" style="3" customWidth="1"/>
    <col min="17" max="18" width="10.625" style="3" customWidth="1"/>
    <col min="19" max="19" width="3.625" style="3" customWidth="1"/>
    <col min="20" max="20" width="10" style="3" customWidth="1"/>
    <col min="21" max="21" width="11.625" style="3" customWidth="1"/>
    <col min="22" max="22" width="6.625" style="3" customWidth="1"/>
    <col min="23" max="23" width="10" style="3" customWidth="1"/>
    <col min="24" max="24" width="6.625" style="3" customWidth="1"/>
    <col min="25" max="25" width="10.625" style="3" customWidth="1"/>
    <col min="26" max="26" width="6.625" style="3" customWidth="1"/>
    <col min="27" max="27" width="11.375" style="3" customWidth="1"/>
    <col min="28" max="28" width="6.75" style="3" customWidth="1"/>
    <col min="29" max="30" width="10.625" style="3" customWidth="1"/>
    <col min="31" max="31" width="8" style="3" customWidth="1"/>
    <col min="32" max="32" width="8.625" style="3" customWidth="1"/>
    <col min="33" max="33" width="10.625" style="3" customWidth="1"/>
    <col min="34" max="34" width="10.625" style="231" customWidth="1"/>
    <col min="35" max="35" width="11.375" style="3" customWidth="1"/>
    <col min="36" max="16384" width="11.875" style="3"/>
  </cols>
  <sheetData>
    <row r="1" spans="1:36" ht="18.75" customHeight="1" x14ac:dyDescent="0.15">
      <c r="A1" s="1" t="s">
        <v>0</v>
      </c>
      <c r="B1" s="2"/>
      <c r="D1" s="4"/>
      <c r="E1" s="4"/>
      <c r="F1" s="4"/>
      <c r="G1" s="4"/>
      <c r="H1" s="4"/>
      <c r="I1" s="2"/>
      <c r="J1" s="5"/>
      <c r="K1" s="5"/>
      <c r="L1" s="2"/>
      <c r="M1" s="2"/>
      <c r="N1" s="2"/>
      <c r="O1" s="2"/>
      <c r="P1" s="2"/>
      <c r="Q1" s="2"/>
      <c r="R1" s="5"/>
      <c r="S1" s="6" t="s">
        <v>1</v>
      </c>
      <c r="T1" s="5"/>
      <c r="V1" s="2"/>
      <c r="W1" s="5"/>
      <c r="X1" s="5"/>
      <c r="Y1" s="5"/>
      <c r="AA1" s="5"/>
      <c r="AB1" s="5"/>
      <c r="AC1" s="2"/>
      <c r="AD1" s="2"/>
      <c r="AE1" s="5"/>
      <c r="AF1" s="5"/>
      <c r="AG1" s="5"/>
      <c r="AH1" s="222"/>
      <c r="AI1" s="232" t="s">
        <v>2</v>
      </c>
      <c r="AJ1" s="170"/>
    </row>
    <row r="2" spans="1:36" ht="7.5" customHeight="1" thickBot="1" x14ac:dyDescent="0.2">
      <c r="A2" s="5"/>
      <c r="B2" s="5"/>
      <c r="C2" s="5"/>
      <c r="D2" s="5"/>
      <c r="E2" s="5"/>
      <c r="F2" s="5"/>
      <c r="G2" s="5"/>
      <c r="H2" s="5"/>
      <c r="I2" s="7"/>
      <c r="J2" s="5"/>
      <c r="K2" s="5"/>
      <c r="L2" s="7"/>
      <c r="M2" s="5"/>
      <c r="N2" s="5"/>
      <c r="O2" s="7"/>
      <c r="P2" s="5"/>
      <c r="Q2" s="5"/>
      <c r="R2" s="7"/>
      <c r="S2" s="7"/>
      <c r="T2" s="7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222"/>
      <c r="AI2" s="233"/>
    </row>
    <row r="3" spans="1:36" s="12" customFormat="1" ht="13.5" x14ac:dyDescent="0.15">
      <c r="A3" s="234" t="s">
        <v>3</v>
      </c>
      <c r="B3" s="235"/>
      <c r="C3" s="240" t="s">
        <v>4</v>
      </c>
      <c r="D3" s="241"/>
      <c r="E3" s="242" t="s">
        <v>5</v>
      </c>
      <c r="F3" s="245" t="s">
        <v>6</v>
      </c>
      <c r="G3" s="246"/>
      <c r="H3" s="247" t="s">
        <v>7</v>
      </c>
      <c r="I3" s="248"/>
      <c r="J3" s="249"/>
      <c r="K3" s="8" t="s">
        <v>8</v>
      </c>
      <c r="L3" s="250" t="s">
        <v>9</v>
      </c>
      <c r="M3" s="251"/>
      <c r="N3" s="251"/>
      <c r="O3" s="252"/>
      <c r="P3" s="9" t="s">
        <v>10</v>
      </c>
      <c r="Q3" s="240" t="s">
        <v>11</v>
      </c>
      <c r="R3" s="253"/>
      <c r="S3" s="234" t="s">
        <v>3</v>
      </c>
      <c r="T3" s="235"/>
      <c r="U3" s="254" t="s">
        <v>12</v>
      </c>
      <c r="V3" s="248"/>
      <c r="W3" s="248"/>
      <c r="X3" s="248"/>
      <c r="Y3" s="248"/>
      <c r="Z3" s="248"/>
      <c r="AA3" s="255"/>
      <c r="AB3" s="256"/>
      <c r="AC3" s="257" t="s">
        <v>13</v>
      </c>
      <c r="AD3" s="259" t="s">
        <v>14</v>
      </c>
      <c r="AE3" s="10" t="s">
        <v>15</v>
      </c>
      <c r="AF3" s="10" t="s">
        <v>16</v>
      </c>
      <c r="AG3" s="10" t="s">
        <v>17</v>
      </c>
      <c r="AH3" s="261" t="s">
        <v>18</v>
      </c>
      <c r="AI3" s="11" t="s">
        <v>19</v>
      </c>
    </row>
    <row r="4" spans="1:36" ht="12" customHeight="1" x14ac:dyDescent="0.15">
      <c r="A4" s="236"/>
      <c r="B4" s="237"/>
      <c r="C4" s="263" t="s">
        <v>20</v>
      </c>
      <c r="D4" s="263" t="s">
        <v>21</v>
      </c>
      <c r="E4" s="243"/>
      <c r="F4" s="265" t="s">
        <v>22</v>
      </c>
      <c r="G4" s="267" t="s">
        <v>23</v>
      </c>
      <c r="H4" s="13" t="s">
        <v>24</v>
      </c>
      <c r="I4" s="13" t="s">
        <v>25</v>
      </c>
      <c r="J4" s="263" t="s">
        <v>26</v>
      </c>
      <c r="K4" s="14" t="s">
        <v>27</v>
      </c>
      <c r="L4" s="15" t="s">
        <v>28</v>
      </c>
      <c r="M4" s="16" t="s">
        <v>29</v>
      </c>
      <c r="N4" s="16" t="s">
        <v>30</v>
      </c>
      <c r="O4" s="17" t="s">
        <v>31</v>
      </c>
      <c r="P4" s="13" t="s">
        <v>32</v>
      </c>
      <c r="Q4" s="16" t="s">
        <v>33</v>
      </c>
      <c r="R4" s="18" t="s">
        <v>34</v>
      </c>
      <c r="S4" s="236"/>
      <c r="T4" s="237"/>
      <c r="U4" s="269" t="s">
        <v>35</v>
      </c>
      <c r="V4" s="270"/>
      <c r="W4" s="271" t="s">
        <v>36</v>
      </c>
      <c r="X4" s="270"/>
      <c r="Y4" s="271" t="s">
        <v>37</v>
      </c>
      <c r="Z4" s="269"/>
      <c r="AA4" s="271" t="s">
        <v>38</v>
      </c>
      <c r="AB4" s="272"/>
      <c r="AC4" s="258"/>
      <c r="AD4" s="260"/>
      <c r="AE4" s="16" t="s">
        <v>39</v>
      </c>
      <c r="AF4" s="16" t="s">
        <v>39</v>
      </c>
      <c r="AG4" s="16" t="s">
        <v>40</v>
      </c>
      <c r="AH4" s="262"/>
      <c r="AI4" s="14" t="s">
        <v>41</v>
      </c>
    </row>
    <row r="5" spans="1:36" ht="12" customHeight="1" thickBot="1" x14ac:dyDescent="0.2">
      <c r="A5" s="238"/>
      <c r="B5" s="239"/>
      <c r="C5" s="264"/>
      <c r="D5" s="264"/>
      <c r="E5" s="244"/>
      <c r="F5" s="266"/>
      <c r="G5" s="268"/>
      <c r="H5" s="19" t="s">
        <v>42</v>
      </c>
      <c r="I5" s="19" t="s">
        <v>33</v>
      </c>
      <c r="J5" s="264"/>
      <c r="K5" s="20" t="s">
        <v>43</v>
      </c>
      <c r="L5" s="21" t="s">
        <v>44</v>
      </c>
      <c r="M5" s="22" t="s">
        <v>44</v>
      </c>
      <c r="N5" s="22" t="s">
        <v>45</v>
      </c>
      <c r="O5" s="23" t="s">
        <v>45</v>
      </c>
      <c r="P5" s="23" t="s">
        <v>46</v>
      </c>
      <c r="Q5" s="22" t="s">
        <v>47</v>
      </c>
      <c r="R5" s="24" t="s">
        <v>47</v>
      </c>
      <c r="S5" s="238"/>
      <c r="T5" s="239"/>
      <c r="U5" s="25" t="s">
        <v>48</v>
      </c>
      <c r="V5" s="26" t="s">
        <v>44</v>
      </c>
      <c r="W5" s="19" t="s">
        <v>48</v>
      </c>
      <c r="X5" s="26" t="s">
        <v>44</v>
      </c>
      <c r="Y5" s="19" t="s">
        <v>48</v>
      </c>
      <c r="Z5" s="27" t="s">
        <v>44</v>
      </c>
      <c r="AA5" s="19" t="s">
        <v>48</v>
      </c>
      <c r="AB5" s="28" t="s">
        <v>44</v>
      </c>
      <c r="AC5" s="30" t="s">
        <v>49</v>
      </c>
      <c r="AD5" s="22" t="s">
        <v>50</v>
      </c>
      <c r="AE5" s="22" t="s">
        <v>51</v>
      </c>
      <c r="AF5" s="22" t="s">
        <v>52</v>
      </c>
      <c r="AG5" s="22" t="s">
        <v>53</v>
      </c>
      <c r="AH5" s="223" t="s">
        <v>54</v>
      </c>
      <c r="AI5" s="31" t="s">
        <v>55</v>
      </c>
    </row>
    <row r="6" spans="1:36" s="53" customFormat="1" ht="13.5" customHeight="1" thickTop="1" x14ac:dyDescent="0.15">
      <c r="A6" s="32">
        <v>1</v>
      </c>
      <c r="B6" s="33" t="s">
        <v>56</v>
      </c>
      <c r="C6" s="34" t="s">
        <v>57</v>
      </c>
      <c r="D6" s="35"/>
      <c r="E6" s="36" t="s">
        <v>58</v>
      </c>
      <c r="F6" s="37" t="s">
        <v>59</v>
      </c>
      <c r="G6" s="38" t="s">
        <v>60</v>
      </c>
      <c r="H6" s="34" t="s">
        <v>57</v>
      </c>
      <c r="I6" s="39"/>
      <c r="J6" s="40"/>
      <c r="K6" s="41" t="s">
        <v>61</v>
      </c>
      <c r="L6" s="42">
        <v>2.0299999999999998</v>
      </c>
      <c r="M6" s="43" t="s">
        <v>62</v>
      </c>
      <c r="N6" s="44">
        <v>12170</v>
      </c>
      <c r="O6" s="43" t="s">
        <v>62</v>
      </c>
      <c r="P6" s="45">
        <v>16</v>
      </c>
      <c r="Q6" s="46">
        <v>323530193</v>
      </c>
      <c r="R6" s="47">
        <v>0</v>
      </c>
      <c r="S6" s="32">
        <v>1</v>
      </c>
      <c r="T6" s="33" t="s">
        <v>56</v>
      </c>
      <c r="U6" s="48">
        <v>6567663</v>
      </c>
      <c r="V6" s="49">
        <v>65.88</v>
      </c>
      <c r="W6" s="48">
        <v>0</v>
      </c>
      <c r="X6" s="49">
        <v>0</v>
      </c>
      <c r="Y6" s="48">
        <v>3401174</v>
      </c>
      <c r="Z6" s="50">
        <v>34.119999999999997</v>
      </c>
      <c r="AA6" s="51">
        <v>0</v>
      </c>
      <c r="AB6" s="52">
        <v>0</v>
      </c>
      <c r="AC6" s="46">
        <v>9968837</v>
      </c>
      <c r="AD6" s="48">
        <v>707481</v>
      </c>
      <c r="AE6" s="48">
        <v>343</v>
      </c>
      <c r="AF6" s="48">
        <v>137659</v>
      </c>
      <c r="AG6" s="48">
        <v>1468923</v>
      </c>
      <c r="AH6" s="224">
        <v>-344480</v>
      </c>
      <c r="AI6" s="47">
        <v>7309951</v>
      </c>
    </row>
    <row r="7" spans="1:36" s="53" customFormat="1" ht="13.5" customHeight="1" x14ac:dyDescent="0.15">
      <c r="A7" s="32">
        <v>2</v>
      </c>
      <c r="B7" s="33" t="s">
        <v>63</v>
      </c>
      <c r="C7" s="54" t="s">
        <v>57</v>
      </c>
      <c r="D7" s="55"/>
      <c r="E7" s="56">
        <v>2</v>
      </c>
      <c r="F7" s="57">
        <v>10</v>
      </c>
      <c r="G7" s="58" t="s">
        <v>60</v>
      </c>
      <c r="H7" s="54" t="s">
        <v>57</v>
      </c>
      <c r="I7" s="39"/>
      <c r="J7" s="59"/>
      <c r="K7" s="60" t="s">
        <v>61</v>
      </c>
      <c r="L7" s="61">
        <v>2.17</v>
      </c>
      <c r="M7" s="62" t="s">
        <v>62</v>
      </c>
      <c r="N7" s="63">
        <v>13189</v>
      </c>
      <c r="O7" s="64" t="s">
        <v>62</v>
      </c>
      <c r="P7" s="65">
        <v>16</v>
      </c>
      <c r="Q7" s="46">
        <v>129768514</v>
      </c>
      <c r="R7" s="47">
        <v>0</v>
      </c>
      <c r="S7" s="32">
        <v>2</v>
      </c>
      <c r="T7" s="33" t="s">
        <v>63</v>
      </c>
      <c r="U7" s="48">
        <v>2815977</v>
      </c>
      <c r="V7" s="49">
        <v>66.22</v>
      </c>
      <c r="W7" s="48">
        <v>0</v>
      </c>
      <c r="X7" s="49">
        <v>0</v>
      </c>
      <c r="Y7" s="48">
        <v>1436744</v>
      </c>
      <c r="Z7" s="50">
        <v>33.78</v>
      </c>
      <c r="AA7" s="51">
        <v>0</v>
      </c>
      <c r="AB7" s="52">
        <v>0</v>
      </c>
      <c r="AC7" s="46">
        <v>4252721</v>
      </c>
      <c r="AD7" s="48">
        <v>258931</v>
      </c>
      <c r="AE7" s="48">
        <v>90</v>
      </c>
      <c r="AF7" s="48">
        <v>21652</v>
      </c>
      <c r="AG7" s="48">
        <v>504850</v>
      </c>
      <c r="AH7" s="224">
        <v>-130473</v>
      </c>
      <c r="AI7" s="47">
        <v>3336725</v>
      </c>
    </row>
    <row r="8" spans="1:36" s="53" customFormat="1" ht="13.5" customHeight="1" x14ac:dyDescent="0.15">
      <c r="A8" s="32">
        <v>3</v>
      </c>
      <c r="B8" s="33" t="s">
        <v>64</v>
      </c>
      <c r="C8" s="54" t="s">
        <v>57</v>
      </c>
      <c r="D8" s="66"/>
      <c r="E8" s="64" t="s">
        <v>65</v>
      </c>
      <c r="F8" s="57">
        <v>10</v>
      </c>
      <c r="G8" s="58" t="s">
        <v>60</v>
      </c>
      <c r="H8" s="54" t="s">
        <v>57</v>
      </c>
      <c r="I8" s="67"/>
      <c r="J8" s="68"/>
      <c r="K8" s="60" t="s">
        <v>61</v>
      </c>
      <c r="L8" s="69">
        <v>2.06</v>
      </c>
      <c r="M8" s="62" t="s">
        <v>62</v>
      </c>
      <c r="N8" s="70">
        <v>7040</v>
      </c>
      <c r="O8" s="70">
        <v>8280</v>
      </c>
      <c r="P8" s="65">
        <v>16</v>
      </c>
      <c r="Q8" s="46">
        <v>27205619</v>
      </c>
      <c r="R8" s="47">
        <v>0</v>
      </c>
      <c r="S8" s="32">
        <v>3</v>
      </c>
      <c r="T8" s="33" t="s">
        <v>64</v>
      </c>
      <c r="U8" s="71">
        <v>553642</v>
      </c>
      <c r="V8" s="49">
        <v>52.99</v>
      </c>
      <c r="W8" s="48">
        <v>0</v>
      </c>
      <c r="X8" s="49">
        <v>0</v>
      </c>
      <c r="Y8" s="48">
        <v>246090</v>
      </c>
      <c r="Z8" s="50">
        <v>23.56</v>
      </c>
      <c r="AA8" s="51">
        <v>244980</v>
      </c>
      <c r="AB8" s="52">
        <v>23.45</v>
      </c>
      <c r="AC8" s="46">
        <v>1044712</v>
      </c>
      <c r="AD8" s="48">
        <v>117862</v>
      </c>
      <c r="AE8" s="48">
        <v>0</v>
      </c>
      <c r="AF8" s="48">
        <v>562</v>
      </c>
      <c r="AG8" s="48">
        <v>48639</v>
      </c>
      <c r="AH8" s="224">
        <v>-40310</v>
      </c>
      <c r="AI8" s="47">
        <v>837339</v>
      </c>
    </row>
    <row r="9" spans="1:36" s="53" customFormat="1" ht="13.5" customHeight="1" x14ac:dyDescent="0.15">
      <c r="A9" s="32">
        <v>4</v>
      </c>
      <c r="B9" s="33" t="s">
        <v>66</v>
      </c>
      <c r="C9" s="72"/>
      <c r="D9" s="54" t="s">
        <v>57</v>
      </c>
      <c r="E9" s="64">
        <v>3</v>
      </c>
      <c r="F9" s="57" t="s">
        <v>59</v>
      </c>
      <c r="G9" s="58" t="s">
        <v>60</v>
      </c>
      <c r="H9" s="54" t="s">
        <v>57</v>
      </c>
      <c r="I9" s="67"/>
      <c r="J9" s="68"/>
      <c r="K9" s="60" t="s">
        <v>61</v>
      </c>
      <c r="L9" s="74">
        <v>1.7</v>
      </c>
      <c r="M9" s="62" t="s">
        <v>62</v>
      </c>
      <c r="N9" s="75">
        <v>9360</v>
      </c>
      <c r="O9" s="76">
        <v>6120</v>
      </c>
      <c r="P9" s="77">
        <v>16</v>
      </c>
      <c r="Q9" s="46">
        <v>21607996</v>
      </c>
      <c r="R9" s="47">
        <v>0</v>
      </c>
      <c r="S9" s="32">
        <v>4</v>
      </c>
      <c r="T9" s="33" t="s">
        <v>66</v>
      </c>
      <c r="U9" s="71">
        <v>367331</v>
      </c>
      <c r="V9" s="49">
        <v>52.07</v>
      </c>
      <c r="W9" s="48">
        <v>0</v>
      </c>
      <c r="X9" s="49">
        <v>0</v>
      </c>
      <c r="Y9" s="48">
        <v>219567</v>
      </c>
      <c r="Z9" s="50">
        <v>31.13</v>
      </c>
      <c r="AA9" s="51">
        <v>118520</v>
      </c>
      <c r="AB9" s="52">
        <v>16.8</v>
      </c>
      <c r="AC9" s="46">
        <v>705418</v>
      </c>
      <c r="AD9" s="48">
        <v>63566</v>
      </c>
      <c r="AE9" s="48">
        <v>0</v>
      </c>
      <c r="AF9" s="48">
        <v>411</v>
      </c>
      <c r="AG9" s="48">
        <v>39737</v>
      </c>
      <c r="AH9" s="224">
        <v>-52246</v>
      </c>
      <c r="AI9" s="47">
        <v>549458</v>
      </c>
    </row>
    <row r="10" spans="1:36" s="53" customFormat="1" ht="13.5" customHeight="1" x14ac:dyDescent="0.15">
      <c r="A10" s="32">
        <v>5</v>
      </c>
      <c r="B10" s="33" t="s">
        <v>67</v>
      </c>
      <c r="C10" s="54" t="s">
        <v>57</v>
      </c>
      <c r="D10" s="66"/>
      <c r="E10" s="64" t="s">
        <v>65</v>
      </c>
      <c r="F10" s="57">
        <v>10</v>
      </c>
      <c r="G10" s="58" t="s">
        <v>60</v>
      </c>
      <c r="H10" s="54" t="s">
        <v>57</v>
      </c>
      <c r="I10" s="67"/>
      <c r="J10" s="68"/>
      <c r="K10" s="60" t="s">
        <v>61</v>
      </c>
      <c r="L10" s="74">
        <v>2.14</v>
      </c>
      <c r="M10" s="62" t="s">
        <v>62</v>
      </c>
      <c r="N10" s="75">
        <v>8040</v>
      </c>
      <c r="O10" s="75">
        <v>3720</v>
      </c>
      <c r="P10" s="77">
        <v>16</v>
      </c>
      <c r="Q10" s="46">
        <v>21696596</v>
      </c>
      <c r="R10" s="47">
        <v>0</v>
      </c>
      <c r="S10" s="32">
        <v>5</v>
      </c>
      <c r="T10" s="33" t="s">
        <v>67</v>
      </c>
      <c r="U10" s="71">
        <v>464304</v>
      </c>
      <c r="V10" s="49">
        <v>69.900000000000006</v>
      </c>
      <c r="W10" s="48">
        <v>0</v>
      </c>
      <c r="X10" s="49">
        <v>0</v>
      </c>
      <c r="Y10" s="48">
        <v>143811</v>
      </c>
      <c r="Z10" s="50">
        <v>21.65</v>
      </c>
      <c r="AA10" s="51">
        <v>56097</v>
      </c>
      <c r="AB10" s="52">
        <v>8.4499999999999993</v>
      </c>
      <c r="AC10" s="46">
        <v>664212</v>
      </c>
      <c r="AD10" s="48">
        <v>42213</v>
      </c>
      <c r="AE10" s="48">
        <v>0</v>
      </c>
      <c r="AF10" s="48">
        <v>229</v>
      </c>
      <c r="AG10" s="48">
        <v>105225</v>
      </c>
      <c r="AH10" s="224">
        <v>-86155</v>
      </c>
      <c r="AI10" s="47">
        <v>430390</v>
      </c>
    </row>
    <row r="11" spans="1:36" s="53" customFormat="1" ht="13.5" customHeight="1" x14ac:dyDescent="0.15">
      <c r="A11" s="32">
        <v>6</v>
      </c>
      <c r="B11" s="33" t="s">
        <v>68</v>
      </c>
      <c r="C11" s="54" t="s">
        <v>57</v>
      </c>
      <c r="D11" s="66"/>
      <c r="E11" s="64" t="s">
        <v>65</v>
      </c>
      <c r="F11" s="57" t="s">
        <v>59</v>
      </c>
      <c r="G11" s="58" t="s">
        <v>60</v>
      </c>
      <c r="H11" s="54" t="s">
        <v>57</v>
      </c>
      <c r="I11" s="39"/>
      <c r="J11" s="59"/>
      <c r="K11" s="60" t="s">
        <v>61</v>
      </c>
      <c r="L11" s="74">
        <v>2.1</v>
      </c>
      <c r="M11" s="62" t="s">
        <v>62</v>
      </c>
      <c r="N11" s="75">
        <v>12000</v>
      </c>
      <c r="O11" s="75">
        <v>6960</v>
      </c>
      <c r="P11" s="77">
        <v>16</v>
      </c>
      <c r="Q11" s="46">
        <v>39047732</v>
      </c>
      <c r="R11" s="47">
        <v>0</v>
      </c>
      <c r="S11" s="32">
        <v>6</v>
      </c>
      <c r="T11" s="33" t="s">
        <v>68</v>
      </c>
      <c r="U11" s="71">
        <v>819996</v>
      </c>
      <c r="V11" s="49">
        <v>58.16</v>
      </c>
      <c r="W11" s="48">
        <v>0</v>
      </c>
      <c r="X11" s="49">
        <v>0</v>
      </c>
      <c r="Y11" s="48">
        <v>398988</v>
      </c>
      <c r="Z11" s="50">
        <v>28.3</v>
      </c>
      <c r="AA11" s="51">
        <v>190927</v>
      </c>
      <c r="AB11" s="52">
        <v>13.54</v>
      </c>
      <c r="AC11" s="46">
        <v>1409911</v>
      </c>
      <c r="AD11" s="48">
        <v>125184</v>
      </c>
      <c r="AE11" s="48">
        <v>14</v>
      </c>
      <c r="AF11" s="48">
        <v>291</v>
      </c>
      <c r="AG11" s="48">
        <v>196239</v>
      </c>
      <c r="AH11" s="224">
        <v>-42208</v>
      </c>
      <c r="AI11" s="47">
        <v>1045975</v>
      </c>
    </row>
    <row r="12" spans="1:36" s="53" customFormat="1" ht="13.5" customHeight="1" x14ac:dyDescent="0.15">
      <c r="A12" s="32">
        <v>7</v>
      </c>
      <c r="B12" s="33" t="s">
        <v>69</v>
      </c>
      <c r="C12" s="54" t="s">
        <v>57</v>
      </c>
      <c r="D12" s="66"/>
      <c r="E12" s="64">
        <v>3</v>
      </c>
      <c r="F12" s="78">
        <v>10</v>
      </c>
      <c r="G12" s="79" t="s">
        <v>60</v>
      </c>
      <c r="H12" s="54" t="s">
        <v>57</v>
      </c>
      <c r="I12" s="40"/>
      <c r="J12" s="40"/>
      <c r="K12" s="60" t="s">
        <v>61</v>
      </c>
      <c r="L12" s="74">
        <v>2.69</v>
      </c>
      <c r="M12" s="62" t="s">
        <v>62</v>
      </c>
      <c r="N12" s="75">
        <v>10600</v>
      </c>
      <c r="O12" s="75">
        <v>6400</v>
      </c>
      <c r="P12" s="77">
        <v>16</v>
      </c>
      <c r="Q12" s="46">
        <v>17320555</v>
      </c>
      <c r="R12" s="47">
        <v>0</v>
      </c>
      <c r="S12" s="32">
        <v>7</v>
      </c>
      <c r="T12" s="33" t="s">
        <v>69</v>
      </c>
      <c r="U12" s="71">
        <v>469219</v>
      </c>
      <c r="V12" s="49">
        <v>60.43</v>
      </c>
      <c r="W12" s="48">
        <v>0</v>
      </c>
      <c r="X12" s="49">
        <v>0</v>
      </c>
      <c r="Y12" s="48">
        <v>203117</v>
      </c>
      <c r="Z12" s="50">
        <v>26.15</v>
      </c>
      <c r="AA12" s="51">
        <v>104256</v>
      </c>
      <c r="AB12" s="52">
        <v>13.42</v>
      </c>
      <c r="AC12" s="46">
        <v>776592</v>
      </c>
      <c r="AD12" s="48">
        <v>66970</v>
      </c>
      <c r="AE12" s="48">
        <v>0</v>
      </c>
      <c r="AF12" s="48">
        <v>121</v>
      </c>
      <c r="AG12" s="48">
        <v>83601</v>
      </c>
      <c r="AH12" s="224">
        <v>-117120</v>
      </c>
      <c r="AI12" s="47">
        <v>508780</v>
      </c>
    </row>
    <row r="13" spans="1:36" s="53" customFormat="1" ht="13.5" customHeight="1" x14ac:dyDescent="0.15">
      <c r="A13" s="32">
        <v>8</v>
      </c>
      <c r="B13" s="33" t="s">
        <v>70</v>
      </c>
      <c r="C13" s="54" t="s">
        <v>57</v>
      </c>
      <c r="D13" s="66"/>
      <c r="E13" s="64">
        <v>3</v>
      </c>
      <c r="F13" s="78">
        <v>9</v>
      </c>
      <c r="G13" s="79" t="s">
        <v>71</v>
      </c>
      <c r="H13" s="54" t="s">
        <v>57</v>
      </c>
      <c r="I13" s="67"/>
      <c r="J13" s="68"/>
      <c r="K13" s="60" t="s">
        <v>61</v>
      </c>
      <c r="L13" s="74">
        <v>1.99</v>
      </c>
      <c r="M13" s="62" t="s">
        <v>62</v>
      </c>
      <c r="N13" s="75">
        <v>7600</v>
      </c>
      <c r="O13" s="75">
        <v>7400</v>
      </c>
      <c r="P13" s="77">
        <v>16</v>
      </c>
      <c r="Q13" s="46">
        <v>20340363</v>
      </c>
      <c r="R13" s="47">
        <v>0</v>
      </c>
      <c r="S13" s="32">
        <v>8</v>
      </c>
      <c r="T13" s="33" t="s">
        <v>70</v>
      </c>
      <c r="U13" s="71">
        <v>404773</v>
      </c>
      <c r="V13" s="49">
        <v>60.41</v>
      </c>
      <c r="W13" s="48">
        <v>0</v>
      </c>
      <c r="X13" s="49">
        <v>0</v>
      </c>
      <c r="Y13" s="48">
        <v>150678</v>
      </c>
      <c r="Z13" s="50">
        <v>22.49</v>
      </c>
      <c r="AA13" s="51">
        <v>114567</v>
      </c>
      <c r="AB13" s="52">
        <v>17.100000000000001</v>
      </c>
      <c r="AC13" s="46">
        <v>670018</v>
      </c>
      <c r="AD13" s="48">
        <v>59437</v>
      </c>
      <c r="AE13" s="48">
        <v>13</v>
      </c>
      <c r="AF13" s="48">
        <v>209</v>
      </c>
      <c r="AG13" s="48">
        <v>66667</v>
      </c>
      <c r="AH13" s="224">
        <v>-17750</v>
      </c>
      <c r="AI13" s="47">
        <v>525942</v>
      </c>
    </row>
    <row r="14" spans="1:36" s="53" customFormat="1" ht="13.5" customHeight="1" x14ac:dyDescent="0.15">
      <c r="A14" s="32">
        <v>9</v>
      </c>
      <c r="B14" s="33" t="s">
        <v>72</v>
      </c>
      <c r="C14" s="54" t="s">
        <v>57</v>
      </c>
      <c r="D14" s="66"/>
      <c r="E14" s="64" t="s">
        <v>65</v>
      </c>
      <c r="F14" s="57">
        <v>9</v>
      </c>
      <c r="G14" s="58" t="s">
        <v>71</v>
      </c>
      <c r="H14" s="54" t="s">
        <v>57</v>
      </c>
      <c r="I14" s="67"/>
      <c r="J14" s="68"/>
      <c r="K14" s="60" t="s">
        <v>61</v>
      </c>
      <c r="L14" s="74">
        <v>1.6</v>
      </c>
      <c r="M14" s="62" t="s">
        <v>62</v>
      </c>
      <c r="N14" s="75">
        <v>5500</v>
      </c>
      <c r="O14" s="75">
        <v>2700</v>
      </c>
      <c r="P14" s="77">
        <v>16</v>
      </c>
      <c r="Q14" s="46">
        <v>7900667</v>
      </c>
      <c r="R14" s="47">
        <v>0</v>
      </c>
      <c r="S14" s="32">
        <v>9</v>
      </c>
      <c r="T14" s="33" t="s">
        <v>72</v>
      </c>
      <c r="U14" s="71">
        <v>126409</v>
      </c>
      <c r="V14" s="49">
        <v>72.710000000000008</v>
      </c>
      <c r="W14" s="48">
        <v>0</v>
      </c>
      <c r="X14" s="49">
        <v>0</v>
      </c>
      <c r="Y14" s="48">
        <v>33578</v>
      </c>
      <c r="Z14" s="50">
        <v>19.32</v>
      </c>
      <c r="AA14" s="51">
        <v>13849</v>
      </c>
      <c r="AB14" s="52">
        <v>7.97</v>
      </c>
      <c r="AC14" s="46">
        <v>173836</v>
      </c>
      <c r="AD14" s="48">
        <v>6483</v>
      </c>
      <c r="AE14" s="48">
        <v>0</v>
      </c>
      <c r="AF14" s="48">
        <v>52</v>
      </c>
      <c r="AG14" s="48">
        <v>23384</v>
      </c>
      <c r="AH14" s="224">
        <v>-33779</v>
      </c>
      <c r="AI14" s="47">
        <v>110138</v>
      </c>
    </row>
    <row r="15" spans="1:36" s="53" customFormat="1" ht="13.5" customHeight="1" x14ac:dyDescent="0.15">
      <c r="A15" s="32">
        <v>10</v>
      </c>
      <c r="B15" s="33" t="s">
        <v>73</v>
      </c>
      <c r="C15" s="66"/>
      <c r="D15" s="54" t="s">
        <v>57</v>
      </c>
      <c r="E15" s="64">
        <v>3</v>
      </c>
      <c r="F15" s="57" t="s">
        <v>59</v>
      </c>
      <c r="G15" s="58" t="s">
        <v>60</v>
      </c>
      <c r="H15" s="54" t="s">
        <v>57</v>
      </c>
      <c r="I15" s="67"/>
      <c r="J15" s="68"/>
      <c r="K15" s="60" t="s">
        <v>61</v>
      </c>
      <c r="L15" s="61">
        <v>1.52</v>
      </c>
      <c r="M15" s="62" t="s">
        <v>62</v>
      </c>
      <c r="N15" s="63">
        <v>6900</v>
      </c>
      <c r="O15" s="63">
        <v>5400</v>
      </c>
      <c r="P15" s="72">
        <v>16</v>
      </c>
      <c r="Q15" s="46">
        <v>61551768</v>
      </c>
      <c r="R15" s="47">
        <v>0</v>
      </c>
      <c r="S15" s="32">
        <v>10</v>
      </c>
      <c r="T15" s="33" t="s">
        <v>73</v>
      </c>
      <c r="U15" s="71">
        <v>935574</v>
      </c>
      <c r="V15" s="49">
        <v>58.08</v>
      </c>
      <c r="W15" s="48">
        <v>0</v>
      </c>
      <c r="X15" s="49">
        <v>0</v>
      </c>
      <c r="Y15" s="48">
        <v>407811</v>
      </c>
      <c r="Z15" s="50">
        <v>25.31</v>
      </c>
      <c r="AA15" s="51">
        <v>267629</v>
      </c>
      <c r="AB15" s="52">
        <v>16.61</v>
      </c>
      <c r="AC15" s="46">
        <v>1611014</v>
      </c>
      <c r="AD15" s="48">
        <v>130625</v>
      </c>
      <c r="AE15" s="48">
        <v>72</v>
      </c>
      <c r="AF15" s="48">
        <v>425</v>
      </c>
      <c r="AG15" s="48">
        <v>113515</v>
      </c>
      <c r="AH15" s="224">
        <v>21979</v>
      </c>
      <c r="AI15" s="47">
        <v>1388356</v>
      </c>
    </row>
    <row r="16" spans="1:36" s="53" customFormat="1" ht="13.5" customHeight="1" x14ac:dyDescent="0.15">
      <c r="A16" s="32">
        <v>11</v>
      </c>
      <c r="B16" s="33" t="s">
        <v>74</v>
      </c>
      <c r="C16" s="66"/>
      <c r="D16" s="54" t="s">
        <v>57</v>
      </c>
      <c r="E16" s="64">
        <v>3</v>
      </c>
      <c r="F16" s="57" t="s">
        <v>59</v>
      </c>
      <c r="G16" s="58" t="s">
        <v>60</v>
      </c>
      <c r="H16" s="54" t="s">
        <v>57</v>
      </c>
      <c r="I16" s="67"/>
      <c r="J16" s="68"/>
      <c r="K16" s="60" t="s">
        <v>61</v>
      </c>
      <c r="L16" s="61">
        <v>1.9</v>
      </c>
      <c r="M16" s="62" t="s">
        <v>62</v>
      </c>
      <c r="N16" s="63">
        <v>12900</v>
      </c>
      <c r="O16" s="63">
        <v>1200</v>
      </c>
      <c r="P16" s="72">
        <v>16</v>
      </c>
      <c r="Q16" s="46">
        <v>6011834</v>
      </c>
      <c r="R16" s="47">
        <v>0</v>
      </c>
      <c r="S16" s="32">
        <v>11</v>
      </c>
      <c r="T16" s="33" t="s">
        <v>74</v>
      </c>
      <c r="U16" s="71">
        <v>114223</v>
      </c>
      <c r="V16" s="49">
        <v>59.23</v>
      </c>
      <c r="W16" s="48">
        <v>0</v>
      </c>
      <c r="X16" s="49">
        <v>0</v>
      </c>
      <c r="Y16" s="48">
        <v>73285</v>
      </c>
      <c r="Z16" s="50">
        <v>38</v>
      </c>
      <c r="AA16" s="51">
        <v>5338</v>
      </c>
      <c r="AB16" s="52">
        <v>2.77</v>
      </c>
      <c r="AC16" s="46">
        <v>192846</v>
      </c>
      <c r="AD16" s="48">
        <v>15462</v>
      </c>
      <c r="AE16" s="48">
        <v>0</v>
      </c>
      <c r="AF16" s="48">
        <v>89</v>
      </c>
      <c r="AG16" s="48">
        <v>9470</v>
      </c>
      <c r="AH16" s="224">
        <v>-9301</v>
      </c>
      <c r="AI16" s="47">
        <v>158524</v>
      </c>
    </row>
    <row r="17" spans="1:35" s="53" customFormat="1" ht="13.5" customHeight="1" x14ac:dyDescent="0.15">
      <c r="A17" s="32">
        <v>12</v>
      </c>
      <c r="B17" s="33" t="s">
        <v>75</v>
      </c>
      <c r="C17" s="66"/>
      <c r="D17" s="54" t="s">
        <v>57</v>
      </c>
      <c r="E17" s="56">
        <v>3</v>
      </c>
      <c r="F17" s="57" t="s">
        <v>59</v>
      </c>
      <c r="G17" s="58" t="s">
        <v>60</v>
      </c>
      <c r="H17" s="54" t="s">
        <v>57</v>
      </c>
      <c r="I17" s="67"/>
      <c r="J17" s="68"/>
      <c r="K17" s="60" t="s">
        <v>61</v>
      </c>
      <c r="L17" s="74">
        <v>1.83</v>
      </c>
      <c r="M17" s="62" t="s">
        <v>62</v>
      </c>
      <c r="N17" s="75">
        <v>6400</v>
      </c>
      <c r="O17" s="75">
        <v>6800</v>
      </c>
      <c r="P17" s="77">
        <v>16</v>
      </c>
      <c r="Q17" s="46">
        <v>14219380</v>
      </c>
      <c r="R17" s="47">
        <v>0</v>
      </c>
      <c r="S17" s="32">
        <v>12</v>
      </c>
      <c r="T17" s="33" t="s">
        <v>75</v>
      </c>
      <c r="U17" s="71">
        <v>260215</v>
      </c>
      <c r="V17" s="49">
        <v>60.17</v>
      </c>
      <c r="W17" s="48">
        <v>0</v>
      </c>
      <c r="X17" s="49">
        <v>0</v>
      </c>
      <c r="Y17" s="48">
        <v>91910</v>
      </c>
      <c r="Z17" s="50">
        <v>21.25</v>
      </c>
      <c r="AA17" s="51">
        <v>80356</v>
      </c>
      <c r="AB17" s="52">
        <v>18.579999999999998</v>
      </c>
      <c r="AC17" s="46">
        <v>432481</v>
      </c>
      <c r="AD17" s="48">
        <v>36905</v>
      </c>
      <c r="AE17" s="48">
        <v>0</v>
      </c>
      <c r="AF17" s="48">
        <v>0</v>
      </c>
      <c r="AG17" s="48">
        <v>34950</v>
      </c>
      <c r="AH17" s="224">
        <v>-42075</v>
      </c>
      <c r="AI17" s="47">
        <v>318551</v>
      </c>
    </row>
    <row r="18" spans="1:35" s="53" customFormat="1" ht="13.5" customHeight="1" x14ac:dyDescent="0.15">
      <c r="A18" s="32">
        <v>13</v>
      </c>
      <c r="B18" s="33" t="s">
        <v>77</v>
      </c>
      <c r="C18" s="54" t="s">
        <v>57</v>
      </c>
      <c r="D18" s="66"/>
      <c r="E18" s="56">
        <v>3</v>
      </c>
      <c r="F18" s="57">
        <v>10</v>
      </c>
      <c r="G18" s="58" t="s">
        <v>60</v>
      </c>
      <c r="H18" s="54" t="s">
        <v>57</v>
      </c>
      <c r="I18" s="67"/>
      <c r="J18" s="68"/>
      <c r="K18" s="60" t="s">
        <v>61</v>
      </c>
      <c r="L18" s="74">
        <v>1.73</v>
      </c>
      <c r="M18" s="62" t="s">
        <v>62</v>
      </c>
      <c r="N18" s="75">
        <v>9147</v>
      </c>
      <c r="O18" s="75">
        <v>6642</v>
      </c>
      <c r="P18" s="77">
        <v>16</v>
      </c>
      <c r="Q18" s="46">
        <v>21741036</v>
      </c>
      <c r="R18" s="47">
        <v>0</v>
      </c>
      <c r="S18" s="32">
        <v>13</v>
      </c>
      <c r="T18" s="33" t="s">
        <v>77</v>
      </c>
      <c r="U18" s="71">
        <v>360712</v>
      </c>
      <c r="V18" s="49">
        <v>56.11</v>
      </c>
      <c r="W18" s="48">
        <v>0</v>
      </c>
      <c r="X18" s="49">
        <v>0</v>
      </c>
      <c r="Y18" s="48">
        <v>175933</v>
      </c>
      <c r="Z18" s="50">
        <v>27.37</v>
      </c>
      <c r="AA18" s="51">
        <v>106211</v>
      </c>
      <c r="AB18" s="52">
        <v>16.52</v>
      </c>
      <c r="AC18" s="46">
        <v>642856</v>
      </c>
      <c r="AD18" s="48">
        <v>48422</v>
      </c>
      <c r="AE18" s="48">
        <v>5</v>
      </c>
      <c r="AF18" s="48">
        <v>229</v>
      </c>
      <c r="AG18" s="48">
        <v>53023</v>
      </c>
      <c r="AH18" s="224">
        <v>-10282</v>
      </c>
      <c r="AI18" s="47">
        <v>530895</v>
      </c>
    </row>
    <row r="19" spans="1:35" s="53" customFormat="1" ht="13.5" customHeight="1" x14ac:dyDescent="0.15">
      <c r="A19" s="32">
        <v>14</v>
      </c>
      <c r="B19" s="33" t="s">
        <v>78</v>
      </c>
      <c r="C19" s="66"/>
      <c r="D19" s="54" t="s">
        <v>57</v>
      </c>
      <c r="E19" s="56">
        <v>3</v>
      </c>
      <c r="F19" s="57" t="s">
        <v>59</v>
      </c>
      <c r="G19" s="58" t="s">
        <v>60</v>
      </c>
      <c r="H19" s="54" t="s">
        <v>57</v>
      </c>
      <c r="I19" s="67"/>
      <c r="J19" s="68"/>
      <c r="K19" s="60" t="s">
        <v>61</v>
      </c>
      <c r="L19" s="74">
        <v>1.3</v>
      </c>
      <c r="M19" s="62" t="s">
        <v>62</v>
      </c>
      <c r="N19" s="75">
        <v>7200</v>
      </c>
      <c r="O19" s="75">
        <v>4800</v>
      </c>
      <c r="P19" s="77">
        <v>16</v>
      </c>
      <c r="Q19" s="46">
        <v>22026013</v>
      </c>
      <c r="R19" s="47">
        <v>0</v>
      </c>
      <c r="S19" s="32">
        <v>14</v>
      </c>
      <c r="T19" s="33" t="s">
        <v>78</v>
      </c>
      <c r="U19" s="71">
        <v>286334</v>
      </c>
      <c r="V19" s="49">
        <v>55.56</v>
      </c>
      <c r="W19" s="48">
        <v>0</v>
      </c>
      <c r="X19" s="49">
        <v>0</v>
      </c>
      <c r="Y19" s="48">
        <v>147125</v>
      </c>
      <c r="Z19" s="50">
        <v>28.55</v>
      </c>
      <c r="AA19" s="51">
        <v>81902</v>
      </c>
      <c r="AB19" s="52">
        <v>15.89</v>
      </c>
      <c r="AC19" s="46">
        <v>515361</v>
      </c>
      <c r="AD19" s="48">
        <v>47005</v>
      </c>
      <c r="AE19" s="48">
        <v>45</v>
      </c>
      <c r="AF19" s="48">
        <v>156</v>
      </c>
      <c r="AG19" s="48">
        <v>34074</v>
      </c>
      <c r="AH19" s="224">
        <v>-20761</v>
      </c>
      <c r="AI19" s="47">
        <v>413320</v>
      </c>
    </row>
    <row r="20" spans="1:35" s="53" customFormat="1" ht="13.5" customHeight="1" x14ac:dyDescent="0.15">
      <c r="A20" s="32">
        <v>15</v>
      </c>
      <c r="B20" s="33" t="s">
        <v>79</v>
      </c>
      <c r="C20" s="66"/>
      <c r="D20" s="54" t="s">
        <v>57</v>
      </c>
      <c r="E20" s="56" t="s">
        <v>80</v>
      </c>
      <c r="F20" s="57">
        <v>12</v>
      </c>
      <c r="G20" s="58" t="s">
        <v>81</v>
      </c>
      <c r="H20" s="54" t="s">
        <v>57</v>
      </c>
      <c r="I20" s="67"/>
      <c r="J20" s="68"/>
      <c r="K20" s="73" t="s">
        <v>57</v>
      </c>
      <c r="L20" s="74">
        <v>1.94</v>
      </c>
      <c r="M20" s="80">
        <v>1.66</v>
      </c>
      <c r="N20" s="75">
        <v>7500</v>
      </c>
      <c r="O20" s="75">
        <v>7200</v>
      </c>
      <c r="P20" s="77">
        <v>16</v>
      </c>
      <c r="Q20" s="46">
        <v>7288162</v>
      </c>
      <c r="R20" s="47">
        <v>354732</v>
      </c>
      <c r="S20" s="32">
        <v>15</v>
      </c>
      <c r="T20" s="33" t="s">
        <v>79</v>
      </c>
      <c r="U20" s="71">
        <v>141390</v>
      </c>
      <c r="V20" s="49">
        <v>57.17</v>
      </c>
      <c r="W20" s="48">
        <v>5889</v>
      </c>
      <c r="X20" s="49">
        <v>2.38</v>
      </c>
      <c r="Y20" s="48">
        <v>55493</v>
      </c>
      <c r="Z20" s="50">
        <v>22.44</v>
      </c>
      <c r="AA20" s="51">
        <v>44539</v>
      </c>
      <c r="AB20" s="52">
        <v>18.010000000000002</v>
      </c>
      <c r="AC20" s="46">
        <v>247311</v>
      </c>
      <c r="AD20" s="48">
        <v>21228</v>
      </c>
      <c r="AE20" s="48">
        <v>0</v>
      </c>
      <c r="AF20" s="48">
        <v>0</v>
      </c>
      <c r="AG20" s="48">
        <v>21459</v>
      </c>
      <c r="AH20" s="224">
        <v>14003</v>
      </c>
      <c r="AI20" s="47">
        <v>218627</v>
      </c>
    </row>
    <row r="21" spans="1:35" s="53" customFormat="1" ht="13.5" customHeight="1" x14ac:dyDescent="0.15">
      <c r="A21" s="32">
        <v>16</v>
      </c>
      <c r="B21" s="33" t="s">
        <v>82</v>
      </c>
      <c r="C21" s="66"/>
      <c r="D21" s="54" t="s">
        <v>57</v>
      </c>
      <c r="E21" s="56">
        <v>3</v>
      </c>
      <c r="F21" s="57">
        <v>10</v>
      </c>
      <c r="G21" s="58" t="s">
        <v>60</v>
      </c>
      <c r="H21" s="54" t="s">
        <v>57</v>
      </c>
      <c r="I21" s="67"/>
      <c r="J21" s="68"/>
      <c r="K21" s="73" t="s">
        <v>83</v>
      </c>
      <c r="L21" s="74">
        <v>1.42</v>
      </c>
      <c r="M21" s="62" t="s">
        <v>62</v>
      </c>
      <c r="N21" s="75">
        <v>8400</v>
      </c>
      <c r="O21" s="75">
        <v>4500</v>
      </c>
      <c r="P21" s="77">
        <v>16</v>
      </c>
      <c r="Q21" s="46">
        <v>11569578</v>
      </c>
      <c r="R21" s="47">
        <v>0</v>
      </c>
      <c r="S21" s="32">
        <v>16</v>
      </c>
      <c r="T21" s="33" t="s">
        <v>82</v>
      </c>
      <c r="U21" s="71">
        <v>164286</v>
      </c>
      <c r="V21" s="49">
        <v>56</v>
      </c>
      <c r="W21" s="48">
        <v>0</v>
      </c>
      <c r="X21" s="49">
        <v>0</v>
      </c>
      <c r="Y21" s="48">
        <v>89678</v>
      </c>
      <c r="Z21" s="50">
        <v>30.57</v>
      </c>
      <c r="AA21" s="51">
        <v>39411</v>
      </c>
      <c r="AB21" s="52">
        <v>13.43</v>
      </c>
      <c r="AC21" s="46">
        <v>293375</v>
      </c>
      <c r="AD21" s="48">
        <v>26207</v>
      </c>
      <c r="AE21" s="48">
        <v>13</v>
      </c>
      <c r="AF21" s="48">
        <v>0</v>
      </c>
      <c r="AG21" s="48">
        <v>23126</v>
      </c>
      <c r="AH21" s="224">
        <v>-15035</v>
      </c>
      <c r="AI21" s="47">
        <v>228994</v>
      </c>
    </row>
    <row r="22" spans="1:35" s="53" customFormat="1" ht="13.5" customHeight="1" x14ac:dyDescent="0.15">
      <c r="A22" s="32">
        <v>17</v>
      </c>
      <c r="B22" s="33" t="s">
        <v>84</v>
      </c>
      <c r="C22" s="66"/>
      <c r="D22" s="54" t="s">
        <v>57</v>
      </c>
      <c r="E22" s="56">
        <v>3</v>
      </c>
      <c r="F22" s="57">
        <v>10</v>
      </c>
      <c r="G22" s="58" t="s">
        <v>60</v>
      </c>
      <c r="H22" s="54" t="s">
        <v>57</v>
      </c>
      <c r="I22" s="67"/>
      <c r="J22" s="68"/>
      <c r="K22" s="73" t="s">
        <v>76</v>
      </c>
      <c r="L22" s="74">
        <v>1.5</v>
      </c>
      <c r="M22" s="81" t="s">
        <v>62</v>
      </c>
      <c r="N22" s="75">
        <v>6500</v>
      </c>
      <c r="O22" s="75">
        <v>5600</v>
      </c>
      <c r="P22" s="77">
        <v>16</v>
      </c>
      <c r="Q22" s="46">
        <v>12902981</v>
      </c>
      <c r="R22" s="47">
        <v>0</v>
      </c>
      <c r="S22" s="32">
        <v>17</v>
      </c>
      <c r="T22" s="33" t="s">
        <v>84</v>
      </c>
      <c r="U22" s="71">
        <v>193543</v>
      </c>
      <c r="V22" s="49">
        <v>57.05</v>
      </c>
      <c r="W22" s="48">
        <v>0</v>
      </c>
      <c r="X22" s="49">
        <v>0</v>
      </c>
      <c r="Y22" s="48">
        <v>84838</v>
      </c>
      <c r="Z22" s="50">
        <v>25</v>
      </c>
      <c r="AA22" s="51">
        <v>60917</v>
      </c>
      <c r="AB22" s="52">
        <v>17.95</v>
      </c>
      <c r="AC22" s="46">
        <v>339298</v>
      </c>
      <c r="AD22" s="48">
        <v>29491</v>
      </c>
      <c r="AE22" s="48">
        <v>0</v>
      </c>
      <c r="AF22" s="48">
        <v>28</v>
      </c>
      <c r="AG22" s="48">
        <v>17588</v>
      </c>
      <c r="AH22" s="224">
        <v>-47301</v>
      </c>
      <c r="AI22" s="47">
        <v>244890</v>
      </c>
    </row>
    <row r="23" spans="1:35" s="53" customFormat="1" ht="13.5" customHeight="1" x14ac:dyDescent="0.15">
      <c r="A23" s="32">
        <v>18</v>
      </c>
      <c r="B23" s="33" t="s">
        <v>85</v>
      </c>
      <c r="C23" s="54"/>
      <c r="D23" s="66" t="s">
        <v>57</v>
      </c>
      <c r="E23" s="56">
        <v>3</v>
      </c>
      <c r="F23" s="57">
        <v>10</v>
      </c>
      <c r="G23" s="58" t="s">
        <v>60</v>
      </c>
      <c r="H23" s="54" t="s">
        <v>57</v>
      </c>
      <c r="I23" s="67"/>
      <c r="J23" s="68"/>
      <c r="K23" s="73" t="s">
        <v>76</v>
      </c>
      <c r="L23" s="74">
        <v>1.42</v>
      </c>
      <c r="M23" s="81" t="s">
        <v>62</v>
      </c>
      <c r="N23" s="75">
        <v>7420</v>
      </c>
      <c r="O23" s="75">
        <v>5930</v>
      </c>
      <c r="P23" s="77">
        <v>16</v>
      </c>
      <c r="Q23" s="46">
        <v>3112719</v>
      </c>
      <c r="R23" s="47">
        <v>0</v>
      </c>
      <c r="S23" s="32">
        <v>18</v>
      </c>
      <c r="T23" s="33" t="s">
        <v>85</v>
      </c>
      <c r="U23" s="71">
        <v>44199</v>
      </c>
      <c r="V23" s="49">
        <v>50.120000000000005</v>
      </c>
      <c r="W23" s="48">
        <v>0</v>
      </c>
      <c r="X23" s="49">
        <v>0</v>
      </c>
      <c r="Y23" s="48">
        <v>26608</v>
      </c>
      <c r="Z23" s="50">
        <v>30.18</v>
      </c>
      <c r="AA23" s="51">
        <v>17369</v>
      </c>
      <c r="AB23" s="52">
        <v>19.7</v>
      </c>
      <c r="AC23" s="46">
        <v>88176</v>
      </c>
      <c r="AD23" s="48">
        <v>8005</v>
      </c>
      <c r="AE23" s="48">
        <v>0</v>
      </c>
      <c r="AF23" s="48">
        <v>7</v>
      </c>
      <c r="AG23" s="48">
        <v>2083</v>
      </c>
      <c r="AH23" s="224">
        <v>-6450</v>
      </c>
      <c r="AI23" s="47">
        <v>71631</v>
      </c>
    </row>
    <row r="24" spans="1:35" s="53" customFormat="1" ht="13.5" customHeight="1" thickBot="1" x14ac:dyDescent="0.2">
      <c r="A24" s="82">
        <v>21</v>
      </c>
      <c r="B24" s="83" t="s">
        <v>86</v>
      </c>
      <c r="C24" s="84"/>
      <c r="D24" s="85" t="s">
        <v>57</v>
      </c>
      <c r="E24" s="86">
        <v>3</v>
      </c>
      <c r="F24" s="87" t="s">
        <v>59</v>
      </c>
      <c r="G24" s="88" t="s">
        <v>60</v>
      </c>
      <c r="H24" s="85" t="s">
        <v>57</v>
      </c>
      <c r="I24" s="89"/>
      <c r="J24" s="90"/>
      <c r="K24" s="73" t="s">
        <v>76</v>
      </c>
      <c r="L24" s="91">
        <v>1.8</v>
      </c>
      <c r="M24" s="92" t="s">
        <v>62</v>
      </c>
      <c r="N24" s="93">
        <v>6000</v>
      </c>
      <c r="O24" s="93">
        <v>6000</v>
      </c>
      <c r="P24" s="94">
        <v>16</v>
      </c>
      <c r="Q24" s="95">
        <v>7522970</v>
      </c>
      <c r="R24" s="96">
        <v>0</v>
      </c>
      <c r="S24" s="82">
        <v>21</v>
      </c>
      <c r="T24" s="83" t="s">
        <v>86</v>
      </c>
      <c r="U24" s="97">
        <v>135412</v>
      </c>
      <c r="V24" s="98">
        <v>62.2</v>
      </c>
      <c r="W24" s="99">
        <v>0</v>
      </c>
      <c r="X24" s="98">
        <v>0</v>
      </c>
      <c r="Y24" s="99">
        <v>45192</v>
      </c>
      <c r="Z24" s="100">
        <v>20.76</v>
      </c>
      <c r="AA24" s="101">
        <v>37092</v>
      </c>
      <c r="AB24" s="102">
        <v>17.04</v>
      </c>
      <c r="AC24" s="103">
        <v>217696</v>
      </c>
      <c r="AD24" s="99">
        <v>13449</v>
      </c>
      <c r="AE24" s="99">
        <v>27</v>
      </c>
      <c r="AF24" s="99">
        <v>48</v>
      </c>
      <c r="AG24" s="104">
        <v>13823</v>
      </c>
      <c r="AH24" s="225">
        <v>-11748</v>
      </c>
      <c r="AI24" s="105">
        <v>178601</v>
      </c>
    </row>
    <row r="25" spans="1:35" s="53" customFormat="1" ht="13.5" customHeight="1" thickTop="1" x14ac:dyDescent="0.15">
      <c r="A25" s="106">
        <v>19</v>
      </c>
      <c r="B25" s="107" t="s">
        <v>87</v>
      </c>
      <c r="C25" s="34" t="s">
        <v>57</v>
      </c>
      <c r="D25" s="35"/>
      <c r="E25" s="36">
        <v>3</v>
      </c>
      <c r="F25" s="37">
        <v>10</v>
      </c>
      <c r="G25" s="108" t="s">
        <v>60</v>
      </c>
      <c r="H25" s="34" t="s">
        <v>57</v>
      </c>
      <c r="I25" s="40" t="s">
        <v>57</v>
      </c>
      <c r="J25" s="68"/>
      <c r="K25" s="73" t="s">
        <v>76</v>
      </c>
      <c r="L25" s="109">
        <v>2.4500000000000002</v>
      </c>
      <c r="M25" s="110" t="s">
        <v>62</v>
      </c>
      <c r="N25" s="111">
        <v>9400</v>
      </c>
      <c r="O25" s="111">
        <v>5200</v>
      </c>
      <c r="P25" s="112">
        <v>16</v>
      </c>
      <c r="Q25" s="113">
        <v>4073594</v>
      </c>
      <c r="R25" s="114">
        <v>0</v>
      </c>
      <c r="S25" s="106">
        <v>19</v>
      </c>
      <c r="T25" s="107" t="s">
        <v>87</v>
      </c>
      <c r="U25" s="48">
        <v>99802</v>
      </c>
      <c r="V25" s="115">
        <v>68.849999999999994</v>
      </c>
      <c r="W25" s="48">
        <v>0</v>
      </c>
      <c r="X25" s="49">
        <v>0</v>
      </c>
      <c r="Y25" s="48">
        <v>31142</v>
      </c>
      <c r="Z25" s="50">
        <v>21.48</v>
      </c>
      <c r="AA25" s="51">
        <v>14014</v>
      </c>
      <c r="AB25" s="52">
        <v>9.67</v>
      </c>
      <c r="AC25" s="46">
        <v>144958</v>
      </c>
      <c r="AD25" s="48">
        <v>8103</v>
      </c>
      <c r="AE25" s="48">
        <v>0</v>
      </c>
      <c r="AF25" s="48">
        <v>0</v>
      </c>
      <c r="AG25" s="48">
        <v>25911</v>
      </c>
      <c r="AH25" s="224">
        <v>-9707</v>
      </c>
      <c r="AI25" s="114">
        <v>101237</v>
      </c>
    </row>
    <row r="26" spans="1:35" s="53" customFormat="1" ht="13.5" customHeight="1" x14ac:dyDescent="0.15">
      <c r="A26" s="32">
        <v>20</v>
      </c>
      <c r="B26" s="33" t="s">
        <v>88</v>
      </c>
      <c r="C26" s="54" t="s">
        <v>57</v>
      </c>
      <c r="D26" s="66"/>
      <c r="E26" s="56">
        <v>3</v>
      </c>
      <c r="F26" s="57">
        <v>10</v>
      </c>
      <c r="G26" s="58" t="s">
        <v>60</v>
      </c>
      <c r="H26" s="54" t="s">
        <v>57</v>
      </c>
      <c r="I26" s="67"/>
      <c r="J26" s="68"/>
      <c r="K26" s="73" t="s">
        <v>76</v>
      </c>
      <c r="L26" s="74">
        <v>2.2999999999999998</v>
      </c>
      <c r="M26" s="81" t="s">
        <v>62</v>
      </c>
      <c r="N26" s="75">
        <v>12000</v>
      </c>
      <c r="O26" s="75">
        <v>8400</v>
      </c>
      <c r="P26" s="77">
        <v>16</v>
      </c>
      <c r="Q26" s="46">
        <v>3841694</v>
      </c>
      <c r="R26" s="47">
        <v>0</v>
      </c>
      <c r="S26" s="32">
        <v>20</v>
      </c>
      <c r="T26" s="33" t="s">
        <v>88</v>
      </c>
      <c r="U26" s="71">
        <v>88358</v>
      </c>
      <c r="V26" s="49">
        <v>53.54</v>
      </c>
      <c r="W26" s="48">
        <v>0</v>
      </c>
      <c r="X26" s="49">
        <v>0</v>
      </c>
      <c r="Y26" s="48">
        <v>48864</v>
      </c>
      <c r="Z26" s="50">
        <v>29.61</v>
      </c>
      <c r="AA26" s="51">
        <v>27804</v>
      </c>
      <c r="AB26" s="52">
        <v>16.850000000000001</v>
      </c>
      <c r="AC26" s="46">
        <v>165026</v>
      </c>
      <c r="AD26" s="48">
        <v>15575</v>
      </c>
      <c r="AE26" s="48">
        <v>0</v>
      </c>
      <c r="AF26" s="48">
        <v>147</v>
      </c>
      <c r="AG26" s="48">
        <v>9134</v>
      </c>
      <c r="AH26" s="224">
        <v>-11111</v>
      </c>
      <c r="AI26" s="47">
        <v>129059</v>
      </c>
    </row>
    <row r="27" spans="1:35" s="53" customFormat="1" ht="13.5" customHeight="1" x14ac:dyDescent="0.15">
      <c r="A27" s="32">
        <v>22</v>
      </c>
      <c r="B27" s="33" t="s">
        <v>89</v>
      </c>
      <c r="C27" s="66"/>
      <c r="D27" s="54" t="s">
        <v>57</v>
      </c>
      <c r="E27" s="56">
        <v>2</v>
      </c>
      <c r="F27" s="57">
        <v>10</v>
      </c>
      <c r="G27" s="58" t="s">
        <v>60</v>
      </c>
      <c r="H27" s="54" t="s">
        <v>57</v>
      </c>
      <c r="I27" s="67"/>
      <c r="J27" s="68"/>
      <c r="K27" s="73" t="s">
        <v>76</v>
      </c>
      <c r="L27" s="74">
        <v>1.8</v>
      </c>
      <c r="M27" s="62" t="s">
        <v>62</v>
      </c>
      <c r="N27" s="75">
        <v>10000</v>
      </c>
      <c r="O27" s="62" t="s">
        <v>62</v>
      </c>
      <c r="P27" s="77">
        <v>16</v>
      </c>
      <c r="Q27" s="46">
        <v>3498105</v>
      </c>
      <c r="R27" s="47">
        <v>0</v>
      </c>
      <c r="S27" s="32">
        <v>22</v>
      </c>
      <c r="T27" s="33" t="s">
        <v>89</v>
      </c>
      <c r="U27" s="71">
        <v>62965</v>
      </c>
      <c r="V27" s="49">
        <v>67.45</v>
      </c>
      <c r="W27" s="48">
        <v>0</v>
      </c>
      <c r="X27" s="49">
        <v>0</v>
      </c>
      <c r="Y27" s="48">
        <v>30390</v>
      </c>
      <c r="Z27" s="50">
        <v>32.549999999999997</v>
      </c>
      <c r="AA27" s="51">
        <v>0</v>
      </c>
      <c r="AB27" s="52">
        <v>0</v>
      </c>
      <c r="AC27" s="46">
        <v>93355</v>
      </c>
      <c r="AD27" s="48">
        <v>6247</v>
      </c>
      <c r="AE27" s="48">
        <v>0</v>
      </c>
      <c r="AF27" s="48">
        <v>0</v>
      </c>
      <c r="AG27" s="48">
        <v>18411</v>
      </c>
      <c r="AH27" s="224">
        <v>-1685</v>
      </c>
      <c r="AI27" s="47">
        <v>67012</v>
      </c>
    </row>
    <row r="28" spans="1:35" s="53" customFormat="1" ht="13.5" customHeight="1" x14ac:dyDescent="0.15">
      <c r="A28" s="32">
        <v>23</v>
      </c>
      <c r="B28" s="33" t="s">
        <v>90</v>
      </c>
      <c r="C28" s="66"/>
      <c r="D28" s="54" t="s">
        <v>57</v>
      </c>
      <c r="E28" s="56">
        <v>2</v>
      </c>
      <c r="F28" s="57">
        <v>9</v>
      </c>
      <c r="G28" s="58" t="s">
        <v>71</v>
      </c>
      <c r="H28" s="54" t="s">
        <v>57</v>
      </c>
      <c r="I28" s="40"/>
      <c r="J28" s="68"/>
      <c r="K28" s="73" t="s">
        <v>76</v>
      </c>
      <c r="L28" s="74">
        <v>1.8</v>
      </c>
      <c r="M28" s="62" t="s">
        <v>62</v>
      </c>
      <c r="N28" s="75">
        <v>14000</v>
      </c>
      <c r="O28" s="62" t="s">
        <v>62</v>
      </c>
      <c r="P28" s="77">
        <v>16</v>
      </c>
      <c r="Q28" s="46">
        <v>2475108</v>
      </c>
      <c r="R28" s="47">
        <v>0</v>
      </c>
      <c r="S28" s="32">
        <v>23</v>
      </c>
      <c r="T28" s="33" t="s">
        <v>90</v>
      </c>
      <c r="U28" s="71">
        <v>44551</v>
      </c>
      <c r="V28" s="49">
        <v>56.19</v>
      </c>
      <c r="W28" s="48">
        <v>0</v>
      </c>
      <c r="X28" s="49">
        <v>0</v>
      </c>
      <c r="Y28" s="48">
        <v>34734</v>
      </c>
      <c r="Z28" s="50">
        <v>43.81</v>
      </c>
      <c r="AA28" s="51">
        <v>0</v>
      </c>
      <c r="AB28" s="52">
        <v>0</v>
      </c>
      <c r="AC28" s="46">
        <v>79285</v>
      </c>
      <c r="AD28" s="48">
        <v>6737</v>
      </c>
      <c r="AE28" s="48">
        <v>0</v>
      </c>
      <c r="AF28" s="48">
        <v>0</v>
      </c>
      <c r="AG28" s="48">
        <v>7835</v>
      </c>
      <c r="AH28" s="224">
        <v>-3661</v>
      </c>
      <c r="AI28" s="47">
        <v>61052</v>
      </c>
    </row>
    <row r="29" spans="1:35" s="53" customFormat="1" ht="13.5" customHeight="1" x14ac:dyDescent="0.15">
      <c r="A29" s="32">
        <v>24</v>
      </c>
      <c r="B29" s="33" t="s">
        <v>91</v>
      </c>
      <c r="C29" s="66"/>
      <c r="D29" s="54" t="s">
        <v>57</v>
      </c>
      <c r="E29" s="64" t="s">
        <v>80</v>
      </c>
      <c r="F29" s="78">
        <v>6</v>
      </c>
      <c r="G29" s="79" t="s">
        <v>92</v>
      </c>
      <c r="H29" s="54" t="s">
        <v>57</v>
      </c>
      <c r="I29" s="67"/>
      <c r="J29" s="68"/>
      <c r="K29" s="73" t="s">
        <v>57</v>
      </c>
      <c r="L29" s="74">
        <v>1.5</v>
      </c>
      <c r="M29" s="116">
        <v>4.5</v>
      </c>
      <c r="N29" s="75">
        <v>8000</v>
      </c>
      <c r="O29" s="75">
        <v>7000</v>
      </c>
      <c r="P29" s="77">
        <v>16</v>
      </c>
      <c r="Q29" s="46">
        <v>785414</v>
      </c>
      <c r="R29" s="47">
        <v>41282</v>
      </c>
      <c r="S29" s="32">
        <v>24</v>
      </c>
      <c r="T29" s="33" t="s">
        <v>91</v>
      </c>
      <c r="U29" s="71">
        <v>11781</v>
      </c>
      <c r="V29" s="49">
        <v>44.6</v>
      </c>
      <c r="W29" s="48">
        <v>1858</v>
      </c>
      <c r="X29" s="49">
        <v>7.03</v>
      </c>
      <c r="Y29" s="48">
        <v>7552</v>
      </c>
      <c r="Z29" s="50">
        <v>28.58</v>
      </c>
      <c r="AA29" s="51">
        <v>5229</v>
      </c>
      <c r="AB29" s="52">
        <v>19.79</v>
      </c>
      <c r="AC29" s="46">
        <v>26420</v>
      </c>
      <c r="AD29" s="48">
        <v>2181</v>
      </c>
      <c r="AE29" s="48">
        <v>0</v>
      </c>
      <c r="AF29" s="48">
        <v>0</v>
      </c>
      <c r="AG29" s="48">
        <v>375</v>
      </c>
      <c r="AH29" s="224">
        <v>-1758</v>
      </c>
      <c r="AI29" s="47">
        <v>22106</v>
      </c>
    </row>
    <row r="30" spans="1:35" s="53" customFormat="1" ht="13.5" customHeight="1" x14ac:dyDescent="0.15">
      <c r="A30" s="32">
        <v>25</v>
      </c>
      <c r="B30" s="33" t="s">
        <v>93</v>
      </c>
      <c r="C30" s="66"/>
      <c r="D30" s="54" t="s">
        <v>57</v>
      </c>
      <c r="E30" s="64" t="s">
        <v>80</v>
      </c>
      <c r="F30" s="78">
        <v>10</v>
      </c>
      <c r="G30" s="79" t="s">
        <v>94</v>
      </c>
      <c r="H30" s="54" t="s">
        <v>57</v>
      </c>
      <c r="I30" s="67"/>
      <c r="J30" s="68"/>
      <c r="K30" s="73" t="s">
        <v>57</v>
      </c>
      <c r="L30" s="74">
        <v>1.87</v>
      </c>
      <c r="M30" s="80">
        <v>6.7</v>
      </c>
      <c r="N30" s="75">
        <v>9500</v>
      </c>
      <c r="O30" s="76">
        <v>8000</v>
      </c>
      <c r="P30" s="77">
        <v>16</v>
      </c>
      <c r="Q30" s="46">
        <v>1560885</v>
      </c>
      <c r="R30" s="47">
        <v>65522</v>
      </c>
      <c r="S30" s="32">
        <v>25</v>
      </c>
      <c r="T30" s="33" t="s">
        <v>93</v>
      </c>
      <c r="U30" s="71">
        <v>29188</v>
      </c>
      <c r="V30" s="49">
        <v>47.8</v>
      </c>
      <c r="W30" s="48">
        <v>4390</v>
      </c>
      <c r="X30" s="49">
        <v>7.19</v>
      </c>
      <c r="Y30" s="48">
        <v>16093</v>
      </c>
      <c r="Z30" s="50">
        <v>26.35</v>
      </c>
      <c r="AA30" s="51">
        <v>11392</v>
      </c>
      <c r="AB30" s="52">
        <v>18.66</v>
      </c>
      <c r="AC30" s="46">
        <v>61063</v>
      </c>
      <c r="AD30" s="48">
        <v>5636</v>
      </c>
      <c r="AE30" s="48">
        <v>0</v>
      </c>
      <c r="AF30" s="48">
        <v>0</v>
      </c>
      <c r="AG30" s="48">
        <v>1992</v>
      </c>
      <c r="AH30" s="224">
        <v>-11098</v>
      </c>
      <c r="AI30" s="47">
        <v>42337</v>
      </c>
    </row>
    <row r="31" spans="1:35" s="53" customFormat="1" ht="13.5" customHeight="1" x14ac:dyDescent="0.15">
      <c r="A31" s="32">
        <v>26</v>
      </c>
      <c r="B31" s="33" t="s">
        <v>95</v>
      </c>
      <c r="C31" s="66"/>
      <c r="D31" s="54" t="s">
        <v>57</v>
      </c>
      <c r="E31" s="64" t="s">
        <v>80</v>
      </c>
      <c r="F31" s="78" t="s">
        <v>59</v>
      </c>
      <c r="G31" s="79" t="s">
        <v>96</v>
      </c>
      <c r="H31" s="54" t="s">
        <v>57</v>
      </c>
      <c r="I31" s="67"/>
      <c r="J31" s="68"/>
      <c r="K31" s="73" t="s">
        <v>57</v>
      </c>
      <c r="L31" s="74">
        <v>1.4</v>
      </c>
      <c r="M31" s="80">
        <v>8.1199999999999992</v>
      </c>
      <c r="N31" s="75">
        <v>7200</v>
      </c>
      <c r="O31" s="76">
        <v>7800</v>
      </c>
      <c r="P31" s="77">
        <v>16</v>
      </c>
      <c r="Q31" s="46">
        <v>925825</v>
      </c>
      <c r="R31" s="47">
        <v>35666</v>
      </c>
      <c r="S31" s="32">
        <v>26</v>
      </c>
      <c r="T31" s="33" t="s">
        <v>95</v>
      </c>
      <c r="U31" s="71">
        <v>12961</v>
      </c>
      <c r="V31" s="49">
        <v>42.76</v>
      </c>
      <c r="W31" s="48">
        <v>2896</v>
      </c>
      <c r="X31" s="49">
        <v>9.5500000000000007</v>
      </c>
      <c r="Y31" s="48">
        <v>7733</v>
      </c>
      <c r="Z31" s="50">
        <v>25.51</v>
      </c>
      <c r="AA31" s="51">
        <v>6724</v>
      </c>
      <c r="AB31" s="52">
        <v>22.18</v>
      </c>
      <c r="AC31" s="46">
        <v>30314</v>
      </c>
      <c r="AD31" s="48">
        <v>3262</v>
      </c>
      <c r="AE31" s="48">
        <v>0</v>
      </c>
      <c r="AF31" s="48">
        <v>5</v>
      </c>
      <c r="AG31" s="48">
        <v>1854</v>
      </c>
      <c r="AH31" s="224">
        <v>-1992</v>
      </c>
      <c r="AI31" s="47">
        <v>23201</v>
      </c>
    </row>
    <row r="32" spans="1:35" s="53" customFormat="1" ht="13.5" customHeight="1" x14ac:dyDescent="0.15">
      <c r="A32" s="32">
        <v>27</v>
      </c>
      <c r="B32" s="33" t="s">
        <v>97</v>
      </c>
      <c r="C32" s="66"/>
      <c r="D32" s="54" t="s">
        <v>57</v>
      </c>
      <c r="E32" s="64" t="s">
        <v>80</v>
      </c>
      <c r="F32" s="78">
        <v>8</v>
      </c>
      <c r="G32" s="79" t="s">
        <v>98</v>
      </c>
      <c r="H32" s="54" t="s">
        <v>57</v>
      </c>
      <c r="I32" s="67"/>
      <c r="J32" s="68"/>
      <c r="K32" s="73" t="s">
        <v>57</v>
      </c>
      <c r="L32" s="61">
        <v>1.3</v>
      </c>
      <c r="M32" s="117">
        <v>5</v>
      </c>
      <c r="N32" s="63">
        <v>4200</v>
      </c>
      <c r="O32" s="63">
        <v>5600</v>
      </c>
      <c r="P32" s="72">
        <v>16</v>
      </c>
      <c r="Q32" s="46">
        <v>829212</v>
      </c>
      <c r="R32" s="47">
        <v>28783</v>
      </c>
      <c r="S32" s="32">
        <v>27</v>
      </c>
      <c r="T32" s="33" t="s">
        <v>97</v>
      </c>
      <c r="U32" s="71">
        <v>10779</v>
      </c>
      <c r="V32" s="49">
        <v>49.8</v>
      </c>
      <c r="W32" s="48">
        <v>1439</v>
      </c>
      <c r="X32" s="49">
        <v>6.65</v>
      </c>
      <c r="Y32" s="48">
        <v>4519</v>
      </c>
      <c r="Z32" s="50">
        <v>20.88</v>
      </c>
      <c r="AA32" s="51">
        <v>4906</v>
      </c>
      <c r="AB32" s="52">
        <v>22.67</v>
      </c>
      <c r="AC32" s="46">
        <v>21643</v>
      </c>
      <c r="AD32" s="48">
        <v>1821</v>
      </c>
      <c r="AE32" s="48">
        <v>0</v>
      </c>
      <c r="AF32" s="48">
        <v>0</v>
      </c>
      <c r="AG32" s="48">
        <v>398</v>
      </c>
      <c r="AH32" s="224">
        <v>-1233</v>
      </c>
      <c r="AI32" s="47">
        <v>18191</v>
      </c>
    </row>
    <row r="33" spans="1:35" s="53" customFormat="1" ht="13.5" customHeight="1" x14ac:dyDescent="0.15">
      <c r="A33" s="32">
        <v>28</v>
      </c>
      <c r="B33" s="33" t="s">
        <v>99</v>
      </c>
      <c r="C33" s="66"/>
      <c r="D33" s="54" t="s">
        <v>57</v>
      </c>
      <c r="E33" s="64" t="s">
        <v>80</v>
      </c>
      <c r="F33" s="78">
        <v>10</v>
      </c>
      <c r="G33" s="58" t="s">
        <v>60</v>
      </c>
      <c r="H33" s="54" t="s">
        <v>57</v>
      </c>
      <c r="I33" s="67"/>
      <c r="J33" s="68"/>
      <c r="K33" s="73" t="s">
        <v>57</v>
      </c>
      <c r="L33" s="61">
        <v>1.67</v>
      </c>
      <c r="M33" s="117">
        <v>5.75</v>
      </c>
      <c r="N33" s="63">
        <v>7400</v>
      </c>
      <c r="O33" s="63">
        <v>8000</v>
      </c>
      <c r="P33" s="72">
        <v>16</v>
      </c>
      <c r="Q33" s="46">
        <v>1262135</v>
      </c>
      <c r="R33" s="47">
        <v>56175</v>
      </c>
      <c r="S33" s="32">
        <v>28</v>
      </c>
      <c r="T33" s="33" t="s">
        <v>99</v>
      </c>
      <c r="U33" s="71">
        <v>21078</v>
      </c>
      <c r="V33" s="49">
        <v>50.1</v>
      </c>
      <c r="W33" s="48">
        <v>3229</v>
      </c>
      <c r="X33" s="49">
        <v>7.68</v>
      </c>
      <c r="Y33" s="48">
        <v>9457</v>
      </c>
      <c r="Z33" s="50">
        <v>22.48</v>
      </c>
      <c r="AA33" s="51">
        <v>8304</v>
      </c>
      <c r="AB33" s="52">
        <v>19.739999999999998</v>
      </c>
      <c r="AC33" s="46">
        <v>42068</v>
      </c>
      <c r="AD33" s="48">
        <v>3214</v>
      </c>
      <c r="AE33" s="48">
        <v>0</v>
      </c>
      <c r="AF33" s="48">
        <v>0</v>
      </c>
      <c r="AG33" s="48">
        <v>2255</v>
      </c>
      <c r="AH33" s="224">
        <v>-3449</v>
      </c>
      <c r="AI33" s="47">
        <v>33150</v>
      </c>
    </row>
    <row r="34" spans="1:35" s="53" customFormat="1" ht="13.5" customHeight="1" x14ac:dyDescent="0.15">
      <c r="A34" s="32">
        <v>29</v>
      </c>
      <c r="B34" s="33" t="s">
        <v>100</v>
      </c>
      <c r="C34" s="54" t="s">
        <v>57</v>
      </c>
      <c r="D34" s="66"/>
      <c r="E34" s="64">
        <v>3</v>
      </c>
      <c r="F34" s="57">
        <v>10</v>
      </c>
      <c r="G34" s="58" t="s">
        <v>60</v>
      </c>
      <c r="H34" s="54" t="s">
        <v>57</v>
      </c>
      <c r="I34" s="67"/>
      <c r="J34" s="68"/>
      <c r="K34" s="73" t="s">
        <v>61</v>
      </c>
      <c r="L34" s="61">
        <v>1.88</v>
      </c>
      <c r="M34" s="118" t="s">
        <v>62</v>
      </c>
      <c r="N34" s="63">
        <v>8080</v>
      </c>
      <c r="O34" s="63">
        <v>7500</v>
      </c>
      <c r="P34" s="72">
        <v>16</v>
      </c>
      <c r="Q34" s="46">
        <v>1308352</v>
      </c>
      <c r="R34" s="47">
        <v>0</v>
      </c>
      <c r="S34" s="32">
        <v>29</v>
      </c>
      <c r="T34" s="33" t="s">
        <v>100</v>
      </c>
      <c r="U34" s="71">
        <v>24596</v>
      </c>
      <c r="V34" s="49">
        <v>60.150000000000006</v>
      </c>
      <c r="W34" s="48">
        <v>0</v>
      </c>
      <c r="X34" s="49">
        <v>0</v>
      </c>
      <c r="Y34" s="48">
        <v>9058</v>
      </c>
      <c r="Z34" s="50">
        <v>22.15</v>
      </c>
      <c r="AA34" s="51">
        <v>7238</v>
      </c>
      <c r="AB34" s="52">
        <v>17.7</v>
      </c>
      <c r="AC34" s="46">
        <v>40892</v>
      </c>
      <c r="AD34" s="48">
        <v>3651</v>
      </c>
      <c r="AE34" s="48">
        <v>23</v>
      </c>
      <c r="AF34" s="48">
        <v>198</v>
      </c>
      <c r="AG34" s="48">
        <v>6957</v>
      </c>
      <c r="AH34" s="224">
        <v>1604</v>
      </c>
      <c r="AI34" s="47">
        <v>31667</v>
      </c>
    </row>
    <row r="35" spans="1:35" s="53" customFormat="1" ht="13.5" customHeight="1" x14ac:dyDescent="0.15">
      <c r="A35" s="32">
        <v>30</v>
      </c>
      <c r="B35" s="33" t="s">
        <v>101</v>
      </c>
      <c r="C35" s="66"/>
      <c r="D35" s="54" t="s">
        <v>57</v>
      </c>
      <c r="E35" s="64" t="s">
        <v>80</v>
      </c>
      <c r="F35" s="57">
        <v>12</v>
      </c>
      <c r="G35" s="58" t="s">
        <v>81</v>
      </c>
      <c r="H35" s="54" t="s">
        <v>57</v>
      </c>
      <c r="I35" s="67"/>
      <c r="J35" s="68"/>
      <c r="K35" s="73" t="s">
        <v>57</v>
      </c>
      <c r="L35" s="61">
        <v>2.76</v>
      </c>
      <c r="M35" s="117">
        <v>15.54</v>
      </c>
      <c r="N35" s="63">
        <v>15510</v>
      </c>
      <c r="O35" s="63">
        <v>9860</v>
      </c>
      <c r="P35" s="72">
        <v>16</v>
      </c>
      <c r="Q35" s="46">
        <v>615589</v>
      </c>
      <c r="R35" s="47">
        <v>19574</v>
      </c>
      <c r="S35" s="32">
        <v>30</v>
      </c>
      <c r="T35" s="33" t="s">
        <v>101</v>
      </c>
      <c r="U35" s="71">
        <v>16990</v>
      </c>
      <c r="V35" s="49">
        <v>42.62</v>
      </c>
      <c r="W35" s="48">
        <v>3042</v>
      </c>
      <c r="X35" s="49">
        <v>7.63</v>
      </c>
      <c r="Y35" s="48">
        <v>13028</v>
      </c>
      <c r="Z35" s="50">
        <v>32.68</v>
      </c>
      <c r="AA35" s="51">
        <v>6803</v>
      </c>
      <c r="AB35" s="52">
        <v>17.07</v>
      </c>
      <c r="AC35" s="46">
        <v>39863</v>
      </c>
      <c r="AD35" s="48">
        <v>4961</v>
      </c>
      <c r="AE35" s="48">
        <v>0</v>
      </c>
      <c r="AF35" s="48">
        <v>0</v>
      </c>
      <c r="AG35" s="48">
        <v>1544</v>
      </c>
      <c r="AH35" s="224">
        <v>1665</v>
      </c>
      <c r="AI35" s="47">
        <v>35023</v>
      </c>
    </row>
    <row r="36" spans="1:35" s="53" customFormat="1" ht="13.5" customHeight="1" x14ac:dyDescent="0.15">
      <c r="A36" s="32">
        <v>31</v>
      </c>
      <c r="B36" s="33" t="s">
        <v>102</v>
      </c>
      <c r="C36" s="54" t="s">
        <v>57</v>
      </c>
      <c r="D36" s="66"/>
      <c r="E36" s="64" t="s">
        <v>80</v>
      </c>
      <c r="F36" s="57">
        <v>10</v>
      </c>
      <c r="G36" s="58" t="s">
        <v>60</v>
      </c>
      <c r="H36" s="54" t="s">
        <v>57</v>
      </c>
      <c r="I36" s="67"/>
      <c r="J36" s="68"/>
      <c r="K36" s="73" t="s">
        <v>57</v>
      </c>
      <c r="L36" s="61">
        <v>1.8</v>
      </c>
      <c r="M36" s="117">
        <v>12.36</v>
      </c>
      <c r="N36" s="63">
        <v>10700</v>
      </c>
      <c r="O36" s="63">
        <v>6400</v>
      </c>
      <c r="P36" s="72">
        <v>16</v>
      </c>
      <c r="Q36" s="46">
        <v>2643977</v>
      </c>
      <c r="R36" s="47">
        <v>85034</v>
      </c>
      <c r="S36" s="32">
        <v>31</v>
      </c>
      <c r="T36" s="33" t="s">
        <v>102</v>
      </c>
      <c r="U36" s="71">
        <v>47591</v>
      </c>
      <c r="V36" s="49">
        <v>45.05</v>
      </c>
      <c r="W36" s="48">
        <v>10510</v>
      </c>
      <c r="X36" s="49">
        <v>9.9499999999999993</v>
      </c>
      <c r="Y36" s="48">
        <v>31661</v>
      </c>
      <c r="Z36" s="50">
        <v>29.97</v>
      </c>
      <c r="AA36" s="51">
        <v>15872</v>
      </c>
      <c r="AB36" s="52">
        <v>15.03</v>
      </c>
      <c r="AC36" s="46">
        <v>105634</v>
      </c>
      <c r="AD36" s="48">
        <v>9351</v>
      </c>
      <c r="AE36" s="48">
        <v>0</v>
      </c>
      <c r="AF36" s="48">
        <v>0</v>
      </c>
      <c r="AG36" s="48">
        <v>5807</v>
      </c>
      <c r="AH36" s="224">
        <v>-7208</v>
      </c>
      <c r="AI36" s="47">
        <v>83268</v>
      </c>
    </row>
    <row r="37" spans="1:35" s="53" customFormat="1" ht="13.5" customHeight="1" x14ac:dyDescent="0.15">
      <c r="A37" s="32">
        <v>32</v>
      </c>
      <c r="B37" s="33" t="s">
        <v>103</v>
      </c>
      <c r="C37" s="66"/>
      <c r="D37" s="54" t="s">
        <v>57</v>
      </c>
      <c r="E37" s="64">
        <v>3</v>
      </c>
      <c r="F37" s="57" t="s">
        <v>59</v>
      </c>
      <c r="G37" s="58" t="s">
        <v>60</v>
      </c>
      <c r="H37" s="54" t="s">
        <v>57</v>
      </c>
      <c r="I37" s="67"/>
      <c r="J37" s="68"/>
      <c r="K37" s="73" t="s">
        <v>61</v>
      </c>
      <c r="L37" s="74">
        <v>1.45</v>
      </c>
      <c r="M37" s="62" t="s">
        <v>62</v>
      </c>
      <c r="N37" s="75">
        <v>7000</v>
      </c>
      <c r="O37" s="75">
        <v>6000</v>
      </c>
      <c r="P37" s="77">
        <v>16</v>
      </c>
      <c r="Q37" s="46">
        <v>5223230</v>
      </c>
      <c r="R37" s="47">
        <v>0</v>
      </c>
      <c r="S37" s="32">
        <v>32</v>
      </c>
      <c r="T37" s="33" t="s">
        <v>103</v>
      </c>
      <c r="U37" s="71">
        <v>75736</v>
      </c>
      <c r="V37" s="49">
        <v>56.05</v>
      </c>
      <c r="W37" s="48">
        <v>0</v>
      </c>
      <c r="X37" s="49">
        <v>0</v>
      </c>
      <c r="Y37" s="48">
        <v>34531</v>
      </c>
      <c r="Z37" s="50">
        <v>25.56</v>
      </c>
      <c r="AA37" s="51">
        <v>24852</v>
      </c>
      <c r="AB37" s="52">
        <v>18.39</v>
      </c>
      <c r="AC37" s="46">
        <v>135119</v>
      </c>
      <c r="AD37" s="48">
        <v>11106</v>
      </c>
      <c r="AE37" s="48">
        <v>0</v>
      </c>
      <c r="AF37" s="48">
        <v>8</v>
      </c>
      <c r="AG37" s="48">
        <v>12531</v>
      </c>
      <c r="AH37" s="224">
        <v>-19376</v>
      </c>
      <c r="AI37" s="47">
        <v>92098</v>
      </c>
    </row>
    <row r="38" spans="1:35" s="53" customFormat="1" ht="13.5" customHeight="1" thickBot="1" x14ac:dyDescent="0.2">
      <c r="A38" s="82">
        <v>33</v>
      </c>
      <c r="B38" s="119" t="s">
        <v>104</v>
      </c>
      <c r="C38" s="85" t="s">
        <v>57</v>
      </c>
      <c r="D38" s="84"/>
      <c r="E38" s="86">
        <v>3</v>
      </c>
      <c r="F38" s="87" t="s">
        <v>59</v>
      </c>
      <c r="G38" s="88" t="s">
        <v>60</v>
      </c>
      <c r="H38" s="85" t="s">
        <v>57</v>
      </c>
      <c r="I38" s="89"/>
      <c r="J38" s="90"/>
      <c r="K38" s="120" t="s">
        <v>61</v>
      </c>
      <c r="L38" s="91">
        <v>1.59</v>
      </c>
      <c r="M38" s="92" t="s">
        <v>62</v>
      </c>
      <c r="N38" s="93">
        <v>8760</v>
      </c>
      <c r="O38" s="93">
        <v>3130</v>
      </c>
      <c r="P38" s="94">
        <v>16</v>
      </c>
      <c r="Q38" s="103">
        <v>311240</v>
      </c>
      <c r="R38" s="105">
        <v>0</v>
      </c>
      <c r="S38" s="82">
        <v>33</v>
      </c>
      <c r="T38" s="119" t="s">
        <v>104</v>
      </c>
      <c r="U38" s="97">
        <v>5165</v>
      </c>
      <c r="V38" s="98">
        <v>55.239999999999995</v>
      </c>
      <c r="W38" s="99">
        <v>0</v>
      </c>
      <c r="X38" s="98">
        <v>0</v>
      </c>
      <c r="Y38" s="99">
        <v>3232</v>
      </c>
      <c r="Z38" s="100">
        <v>34.56</v>
      </c>
      <c r="AA38" s="101">
        <v>954</v>
      </c>
      <c r="AB38" s="102">
        <v>10.199999999999999</v>
      </c>
      <c r="AC38" s="103">
        <v>9351</v>
      </c>
      <c r="AD38" s="99">
        <v>898</v>
      </c>
      <c r="AE38" s="99">
        <v>0</v>
      </c>
      <c r="AF38" s="99">
        <v>0</v>
      </c>
      <c r="AG38" s="99">
        <v>95</v>
      </c>
      <c r="AH38" s="225">
        <v>-959</v>
      </c>
      <c r="AI38" s="105">
        <v>7399</v>
      </c>
    </row>
    <row r="39" spans="1:35" s="53" customFormat="1" ht="13.5" hidden="1" customHeight="1" thickTop="1" x14ac:dyDescent="0.15">
      <c r="A39" s="32">
        <v>34</v>
      </c>
      <c r="B39" s="33" t="s">
        <v>105</v>
      </c>
      <c r="C39" s="35"/>
      <c r="D39" s="34"/>
      <c r="E39" s="121"/>
      <c r="F39" s="122"/>
      <c r="G39" s="123"/>
      <c r="H39" s="34"/>
      <c r="I39" s="67"/>
      <c r="J39" s="68"/>
      <c r="K39" s="73" t="s">
        <v>57</v>
      </c>
      <c r="L39" s="109">
        <v>1.2</v>
      </c>
      <c r="M39" s="124">
        <v>8.6999999999999993</v>
      </c>
      <c r="N39" s="111">
        <v>8400</v>
      </c>
      <c r="O39" s="111">
        <v>5000</v>
      </c>
      <c r="P39" s="112">
        <v>10</v>
      </c>
      <c r="Q39" s="46" t="e">
        <v>#REF!</v>
      </c>
      <c r="R39" s="47" t="e">
        <v>#REF!</v>
      </c>
      <c r="S39" s="32">
        <v>34</v>
      </c>
      <c r="T39" s="33" t="s">
        <v>105</v>
      </c>
      <c r="U39" s="48" t="e">
        <v>#REF!</v>
      </c>
      <c r="V39" s="49" t="e">
        <v>#REF!</v>
      </c>
      <c r="W39" s="48" t="e">
        <v>#REF!</v>
      </c>
      <c r="X39" s="49" t="e">
        <v>#REF!</v>
      </c>
      <c r="Y39" s="48" t="e">
        <v>#REF!</v>
      </c>
      <c r="Z39" s="50" t="e">
        <v>#REF!</v>
      </c>
      <c r="AA39" s="51" t="e">
        <v>#REF!</v>
      </c>
      <c r="AB39" s="52" t="e">
        <v>#REF!</v>
      </c>
      <c r="AC39" s="46" t="e">
        <v>#REF!</v>
      </c>
      <c r="AD39" s="48" t="e">
        <v>#REF!</v>
      </c>
      <c r="AE39" s="48" t="e">
        <v>#REF!</v>
      </c>
      <c r="AF39" s="48" t="e">
        <v>#REF!</v>
      </c>
      <c r="AG39" s="125" t="e">
        <v>#REF!</v>
      </c>
      <c r="AH39" s="224" t="e">
        <v>#REF!</v>
      </c>
      <c r="AI39" s="47" t="e">
        <v>#REF!</v>
      </c>
    </row>
    <row r="40" spans="1:35" s="53" customFormat="1" ht="13.5" hidden="1" customHeight="1" x14ac:dyDescent="0.15">
      <c r="A40" s="32"/>
      <c r="B40" s="33"/>
      <c r="C40" s="66"/>
      <c r="D40" s="54"/>
      <c r="E40" s="64"/>
      <c r="F40" s="78"/>
      <c r="G40" s="126"/>
      <c r="H40" s="40"/>
      <c r="I40" s="67"/>
      <c r="J40" s="68"/>
      <c r="K40" s="73"/>
      <c r="L40" s="74">
        <v>1</v>
      </c>
      <c r="M40" s="127" t="s">
        <v>106</v>
      </c>
      <c r="N40" s="75">
        <v>5000</v>
      </c>
      <c r="O40" s="75">
        <v>5800</v>
      </c>
      <c r="P40" s="77">
        <v>10</v>
      </c>
      <c r="Q40" s="46"/>
      <c r="R40" s="47"/>
      <c r="S40" s="32"/>
      <c r="T40" s="33"/>
      <c r="U40" s="71"/>
      <c r="V40" s="49"/>
      <c r="W40" s="46"/>
      <c r="X40" s="49"/>
      <c r="Y40" s="51"/>
      <c r="Z40" s="50"/>
      <c r="AA40" s="51"/>
      <c r="AB40" s="52"/>
      <c r="AC40" s="46"/>
      <c r="AD40" s="51"/>
      <c r="AE40" s="48"/>
      <c r="AF40" s="48"/>
      <c r="AG40" s="125"/>
      <c r="AH40" s="224"/>
      <c r="AI40" s="47"/>
    </row>
    <row r="41" spans="1:35" s="53" customFormat="1" ht="13.5" hidden="1" customHeight="1" x14ac:dyDescent="0.15">
      <c r="A41" s="32"/>
      <c r="B41" s="33"/>
      <c r="C41" s="66"/>
      <c r="D41" s="54"/>
      <c r="E41" s="64"/>
      <c r="F41" s="78"/>
      <c r="G41" s="126"/>
      <c r="H41" s="40"/>
      <c r="I41" s="67"/>
      <c r="J41" s="68"/>
      <c r="K41" s="73"/>
      <c r="L41" s="74">
        <v>1.68</v>
      </c>
      <c r="M41" s="116">
        <v>8.5299999999999994</v>
      </c>
      <c r="N41" s="75">
        <v>8220</v>
      </c>
      <c r="O41" s="75">
        <v>3600</v>
      </c>
      <c r="P41" s="77">
        <v>10</v>
      </c>
      <c r="Q41" s="46"/>
      <c r="R41" s="47"/>
      <c r="S41" s="32"/>
      <c r="T41" s="33"/>
      <c r="U41" s="71"/>
      <c r="V41" s="49"/>
      <c r="W41" s="46"/>
      <c r="X41" s="49"/>
      <c r="Y41" s="51"/>
      <c r="Z41" s="50"/>
      <c r="AA41" s="51"/>
      <c r="AB41" s="52"/>
      <c r="AC41" s="46"/>
      <c r="AD41" s="51"/>
      <c r="AE41" s="48"/>
      <c r="AF41" s="48"/>
      <c r="AG41" s="125"/>
      <c r="AH41" s="224"/>
      <c r="AI41" s="47"/>
    </row>
    <row r="42" spans="1:35" s="53" customFormat="1" ht="13.5" hidden="1" customHeight="1" thickBot="1" x14ac:dyDescent="0.2">
      <c r="A42" s="82">
        <v>37</v>
      </c>
      <c r="B42" s="119" t="s">
        <v>107</v>
      </c>
      <c r="C42" s="84"/>
      <c r="D42" s="85"/>
      <c r="E42" s="128"/>
      <c r="F42" s="129"/>
      <c r="G42" s="130"/>
      <c r="H42" s="85"/>
      <c r="I42" s="89"/>
      <c r="J42" s="90"/>
      <c r="K42" s="120" t="s">
        <v>57</v>
      </c>
      <c r="L42" s="131"/>
      <c r="M42" s="132"/>
      <c r="N42" s="133"/>
      <c r="O42" s="133"/>
      <c r="P42" s="134">
        <v>10</v>
      </c>
      <c r="Q42" s="101" t="e">
        <v>#REF!</v>
      </c>
      <c r="R42" s="105" t="e">
        <v>#REF!</v>
      </c>
      <c r="S42" s="82">
        <v>37</v>
      </c>
      <c r="T42" s="119" t="s">
        <v>107</v>
      </c>
      <c r="U42" s="97" t="e">
        <v>#REF!</v>
      </c>
      <c r="V42" s="98" t="e">
        <v>#REF!</v>
      </c>
      <c r="W42" s="99" t="e">
        <v>#REF!</v>
      </c>
      <c r="X42" s="98" t="e">
        <v>#REF!</v>
      </c>
      <c r="Y42" s="101" t="e">
        <v>#REF!</v>
      </c>
      <c r="Z42" s="100" t="e">
        <v>#REF!</v>
      </c>
      <c r="AA42" s="101" t="e">
        <v>#REF!</v>
      </c>
      <c r="AB42" s="102" t="e">
        <v>#REF!</v>
      </c>
      <c r="AC42" s="135" t="e">
        <v>#REF!</v>
      </c>
      <c r="AD42" s="101" t="e">
        <v>#REF!</v>
      </c>
      <c r="AE42" s="99" t="e">
        <v>#REF!</v>
      </c>
      <c r="AF42" s="99" t="e">
        <v>#REF!</v>
      </c>
      <c r="AG42" s="104" t="e">
        <v>#REF!</v>
      </c>
      <c r="AH42" s="225" t="e">
        <v>#REF!</v>
      </c>
      <c r="AI42" s="105" t="e">
        <v>#REF!</v>
      </c>
    </row>
    <row r="43" spans="1:35" s="53" customFormat="1" ht="13.5" customHeight="1" thickTop="1" x14ac:dyDescent="0.15">
      <c r="A43" s="32">
        <v>301</v>
      </c>
      <c r="B43" s="33" t="s">
        <v>108</v>
      </c>
      <c r="C43" s="136" t="s">
        <v>57</v>
      </c>
      <c r="D43" s="137"/>
      <c r="E43" s="138"/>
      <c r="F43" s="139" t="s">
        <v>109</v>
      </c>
      <c r="G43" s="140"/>
      <c r="H43" s="141"/>
      <c r="I43" s="141"/>
      <c r="J43" s="141"/>
      <c r="K43" s="142"/>
      <c r="L43" s="143" t="s">
        <v>110</v>
      </c>
      <c r="M43" s="144"/>
      <c r="N43" s="46"/>
      <c r="O43" s="46"/>
      <c r="P43" s="145"/>
      <c r="Q43" s="46"/>
      <c r="R43" s="146"/>
      <c r="S43" s="32">
        <v>301</v>
      </c>
      <c r="T43" s="33" t="s">
        <v>108</v>
      </c>
      <c r="U43" s="135"/>
      <c r="V43" s="147"/>
      <c r="W43" s="135"/>
      <c r="X43" s="148"/>
      <c r="Y43" s="149"/>
      <c r="Z43" s="150"/>
      <c r="AA43" s="149"/>
      <c r="AB43" s="151"/>
      <c r="AC43" s="152">
        <v>345428</v>
      </c>
      <c r="AD43" s="149"/>
      <c r="AE43" s="149"/>
      <c r="AF43" s="149"/>
      <c r="AG43" s="149"/>
      <c r="AH43" s="226"/>
      <c r="AI43" s="114">
        <v>345428</v>
      </c>
    </row>
    <row r="44" spans="1:35" s="53" customFormat="1" ht="13.5" customHeight="1" x14ac:dyDescent="0.15">
      <c r="A44" s="32">
        <v>302</v>
      </c>
      <c r="B44" s="33" t="s">
        <v>111</v>
      </c>
      <c r="C44" s="136" t="s">
        <v>57</v>
      </c>
      <c r="D44" s="137"/>
      <c r="E44" s="138"/>
      <c r="F44" s="139" t="s">
        <v>109</v>
      </c>
      <c r="G44" s="140"/>
      <c r="H44" s="141"/>
      <c r="I44" s="141"/>
      <c r="J44" s="141"/>
      <c r="K44" s="142"/>
      <c r="L44" s="143" t="s">
        <v>112</v>
      </c>
      <c r="M44" s="144"/>
      <c r="N44" s="46"/>
      <c r="O44" s="46"/>
      <c r="P44" s="145"/>
      <c r="Q44" s="46"/>
      <c r="R44" s="146"/>
      <c r="S44" s="32">
        <v>302</v>
      </c>
      <c r="T44" s="33" t="s">
        <v>111</v>
      </c>
      <c r="U44" s="135"/>
      <c r="V44" s="147"/>
      <c r="W44" s="135"/>
      <c r="X44" s="148"/>
      <c r="Y44" s="149"/>
      <c r="Z44" s="150"/>
      <c r="AA44" s="149"/>
      <c r="AB44" s="151"/>
      <c r="AC44" s="152">
        <v>307324</v>
      </c>
      <c r="AD44" s="149"/>
      <c r="AE44" s="149"/>
      <c r="AF44" s="149"/>
      <c r="AG44" s="149"/>
      <c r="AH44" s="226"/>
      <c r="AI44" s="153">
        <v>307324</v>
      </c>
    </row>
    <row r="45" spans="1:35" s="53" customFormat="1" ht="13.5" customHeight="1" x14ac:dyDescent="0.15">
      <c r="A45" s="32">
        <v>303</v>
      </c>
      <c r="B45" s="33" t="s">
        <v>113</v>
      </c>
      <c r="C45" s="136" t="s">
        <v>57</v>
      </c>
      <c r="D45" s="137"/>
      <c r="E45" s="138"/>
      <c r="F45" s="139" t="s">
        <v>109</v>
      </c>
      <c r="G45" s="140"/>
      <c r="H45" s="141"/>
      <c r="I45" s="141"/>
      <c r="J45" s="141"/>
      <c r="K45" s="142"/>
      <c r="L45" s="143" t="s">
        <v>114</v>
      </c>
      <c r="M45" s="144"/>
      <c r="N45" s="46"/>
      <c r="O45" s="46"/>
      <c r="P45" s="145"/>
      <c r="Q45" s="46"/>
      <c r="R45" s="146"/>
      <c r="S45" s="32">
        <v>303</v>
      </c>
      <c r="T45" s="33" t="s">
        <v>113</v>
      </c>
      <c r="U45" s="135"/>
      <c r="V45" s="147"/>
      <c r="W45" s="135"/>
      <c r="X45" s="148"/>
      <c r="Y45" s="149"/>
      <c r="Z45" s="150"/>
      <c r="AA45" s="149"/>
      <c r="AB45" s="151"/>
      <c r="AC45" s="152">
        <v>256092</v>
      </c>
      <c r="AD45" s="149"/>
      <c r="AE45" s="149"/>
      <c r="AF45" s="149"/>
      <c r="AG45" s="149"/>
      <c r="AH45" s="226"/>
      <c r="AI45" s="153">
        <v>256092</v>
      </c>
    </row>
    <row r="46" spans="1:35" s="53" customFormat="1" ht="13.5" customHeight="1" x14ac:dyDescent="0.15">
      <c r="A46" s="32">
        <v>304</v>
      </c>
      <c r="B46" s="33" t="s">
        <v>115</v>
      </c>
      <c r="C46" s="136" t="s">
        <v>57</v>
      </c>
      <c r="D46" s="137"/>
      <c r="E46" s="138"/>
      <c r="F46" s="139" t="s">
        <v>109</v>
      </c>
      <c r="G46" s="140"/>
      <c r="H46" s="141"/>
      <c r="I46" s="141"/>
      <c r="J46" s="141"/>
      <c r="K46" s="142"/>
      <c r="L46" s="143" t="s">
        <v>116</v>
      </c>
      <c r="M46" s="144"/>
      <c r="N46" s="46"/>
      <c r="O46" s="46"/>
      <c r="P46" s="145"/>
      <c r="Q46" s="46"/>
      <c r="R46" s="146"/>
      <c r="S46" s="32">
        <v>304</v>
      </c>
      <c r="T46" s="33" t="s">
        <v>115</v>
      </c>
      <c r="U46" s="135"/>
      <c r="V46" s="147"/>
      <c r="W46" s="135"/>
      <c r="X46" s="148"/>
      <c r="Y46" s="149"/>
      <c r="Z46" s="150"/>
      <c r="AA46" s="149"/>
      <c r="AB46" s="151"/>
      <c r="AC46" s="154">
        <v>125082</v>
      </c>
      <c r="AD46" s="149"/>
      <c r="AE46" s="149"/>
      <c r="AF46" s="149"/>
      <c r="AG46" s="149"/>
      <c r="AH46" s="226"/>
      <c r="AI46" s="153">
        <v>125082</v>
      </c>
    </row>
    <row r="47" spans="1:35" s="53" customFormat="1" ht="13.5" customHeight="1" x14ac:dyDescent="0.15">
      <c r="A47" s="32">
        <v>305</v>
      </c>
      <c r="B47" s="33" t="s">
        <v>117</v>
      </c>
      <c r="C47" s="136" t="s">
        <v>57</v>
      </c>
      <c r="D47" s="137"/>
      <c r="E47" s="138"/>
      <c r="F47" s="139" t="s">
        <v>109</v>
      </c>
      <c r="G47" s="140"/>
      <c r="H47" s="141"/>
      <c r="I47" s="141"/>
      <c r="J47" s="141"/>
      <c r="K47" s="142"/>
      <c r="L47" s="143" t="s">
        <v>118</v>
      </c>
      <c r="M47" s="144"/>
      <c r="N47" s="46"/>
      <c r="O47" s="46"/>
      <c r="P47" s="145"/>
      <c r="Q47" s="46"/>
      <c r="R47" s="146"/>
      <c r="S47" s="32">
        <v>305</v>
      </c>
      <c r="T47" s="33" t="s">
        <v>117</v>
      </c>
      <c r="U47" s="135"/>
      <c r="V47" s="147"/>
      <c r="W47" s="135"/>
      <c r="X47" s="148"/>
      <c r="Y47" s="149"/>
      <c r="Z47" s="150"/>
      <c r="AA47" s="149"/>
      <c r="AB47" s="151"/>
      <c r="AC47" s="154">
        <v>110730</v>
      </c>
      <c r="AD47" s="149"/>
      <c r="AE47" s="149"/>
      <c r="AF47" s="149"/>
      <c r="AG47" s="149"/>
      <c r="AH47" s="226"/>
      <c r="AI47" s="153">
        <v>110730</v>
      </c>
    </row>
    <row r="48" spans="1:35" s="53" customFormat="1" ht="13.5" customHeight="1" thickBot="1" x14ac:dyDescent="0.2">
      <c r="A48" s="82">
        <v>306</v>
      </c>
      <c r="B48" s="119" t="s">
        <v>119</v>
      </c>
      <c r="C48" s="155" t="s">
        <v>57</v>
      </c>
      <c r="D48" s="156"/>
      <c r="E48" s="157"/>
      <c r="F48" s="158" t="s">
        <v>109</v>
      </c>
      <c r="G48" s="159"/>
      <c r="H48" s="90"/>
      <c r="I48" s="90"/>
      <c r="J48" s="90"/>
      <c r="K48" s="160"/>
      <c r="L48" s="161" t="s">
        <v>120</v>
      </c>
      <c r="M48" s="162"/>
      <c r="N48" s="95"/>
      <c r="O48" s="95"/>
      <c r="P48" s="163"/>
      <c r="Q48" s="95"/>
      <c r="R48" s="164"/>
      <c r="S48" s="82">
        <v>306</v>
      </c>
      <c r="T48" s="119" t="s">
        <v>119</v>
      </c>
      <c r="U48" s="103"/>
      <c r="V48" s="165"/>
      <c r="W48" s="103"/>
      <c r="X48" s="166"/>
      <c r="Y48" s="101"/>
      <c r="Z48" s="167"/>
      <c r="AA48" s="101"/>
      <c r="AB48" s="168"/>
      <c r="AC48" s="169">
        <v>1015203</v>
      </c>
      <c r="AD48" s="101"/>
      <c r="AE48" s="101"/>
      <c r="AF48" s="101"/>
      <c r="AG48" s="101"/>
      <c r="AH48" s="227"/>
      <c r="AI48" s="96">
        <v>1015203</v>
      </c>
    </row>
    <row r="49" spans="1:35" ht="13.5" customHeight="1" thickTop="1" x14ac:dyDescent="0.15">
      <c r="A49" s="273" t="s">
        <v>121</v>
      </c>
      <c r="B49" s="274"/>
      <c r="C49" s="171">
        <v>9</v>
      </c>
      <c r="D49" s="172">
        <v>10</v>
      </c>
      <c r="E49" s="173"/>
      <c r="F49" s="174"/>
      <c r="G49" s="175"/>
      <c r="H49" s="176">
        <v>19</v>
      </c>
      <c r="I49" s="177">
        <v>0</v>
      </c>
      <c r="J49" s="176">
        <v>0</v>
      </c>
      <c r="K49" s="178">
        <v>10</v>
      </c>
      <c r="L49" s="179"/>
      <c r="M49" s="180"/>
      <c r="N49" s="180"/>
      <c r="O49" s="180"/>
      <c r="P49" s="180"/>
      <c r="Q49" s="181">
        <v>776364676</v>
      </c>
      <c r="R49" s="182">
        <v>354732</v>
      </c>
      <c r="S49" s="273" t="s">
        <v>121</v>
      </c>
      <c r="T49" s="274"/>
      <c r="U49" s="183">
        <v>15225202</v>
      </c>
      <c r="V49" s="184">
        <v>62.800000000000004</v>
      </c>
      <c r="W49" s="183">
        <v>5889</v>
      </c>
      <c r="X49" s="184">
        <v>0.02</v>
      </c>
      <c r="Y49" s="181">
        <v>7431620</v>
      </c>
      <c r="Z49" s="185">
        <v>30.65</v>
      </c>
      <c r="AA49" s="181">
        <v>1583960</v>
      </c>
      <c r="AB49" s="186">
        <v>6.53</v>
      </c>
      <c r="AC49" s="183">
        <v>24246671</v>
      </c>
      <c r="AD49" s="181">
        <v>1824926</v>
      </c>
      <c r="AE49" s="181">
        <v>622</v>
      </c>
      <c r="AF49" s="181">
        <v>162168</v>
      </c>
      <c r="AG49" s="181">
        <v>2860376</v>
      </c>
      <c r="AH49" s="228">
        <v>-991492</v>
      </c>
      <c r="AI49" s="182">
        <v>18407087</v>
      </c>
    </row>
    <row r="50" spans="1:35" ht="13.5" customHeight="1" x14ac:dyDescent="0.15">
      <c r="A50" s="275" t="s">
        <v>122</v>
      </c>
      <c r="B50" s="276"/>
      <c r="C50" s="171">
        <v>5</v>
      </c>
      <c r="D50" s="187">
        <v>9</v>
      </c>
      <c r="E50" s="188" t="s">
        <v>123</v>
      </c>
      <c r="F50" s="189"/>
      <c r="G50" s="175"/>
      <c r="H50" s="176">
        <v>14</v>
      </c>
      <c r="I50" s="176">
        <v>0</v>
      </c>
      <c r="J50" s="176">
        <v>0</v>
      </c>
      <c r="K50" s="178">
        <v>12</v>
      </c>
      <c r="L50" s="190"/>
      <c r="M50" s="171"/>
      <c r="N50" s="171"/>
      <c r="O50" s="171"/>
      <c r="P50" s="171"/>
      <c r="Q50" s="181">
        <v>29354360</v>
      </c>
      <c r="R50" s="182">
        <v>332036</v>
      </c>
      <c r="S50" s="275" t="s">
        <v>122</v>
      </c>
      <c r="T50" s="276"/>
      <c r="U50" s="183">
        <v>551541</v>
      </c>
      <c r="V50" s="184">
        <v>55.43</v>
      </c>
      <c r="W50" s="183">
        <v>27364</v>
      </c>
      <c r="X50" s="184">
        <v>2.75</v>
      </c>
      <c r="Y50" s="181">
        <v>281994</v>
      </c>
      <c r="Z50" s="185">
        <v>28.34</v>
      </c>
      <c r="AA50" s="181">
        <v>134092</v>
      </c>
      <c r="AB50" s="191">
        <v>13.48</v>
      </c>
      <c r="AC50" s="183">
        <v>994991</v>
      </c>
      <c r="AD50" s="181">
        <v>82743</v>
      </c>
      <c r="AE50" s="181">
        <v>23</v>
      </c>
      <c r="AF50" s="181">
        <v>358</v>
      </c>
      <c r="AG50" s="181">
        <v>95099</v>
      </c>
      <c r="AH50" s="228">
        <v>-69968</v>
      </c>
      <c r="AI50" s="182">
        <v>746800</v>
      </c>
    </row>
    <row r="51" spans="1:35" ht="13.5" customHeight="1" x14ac:dyDescent="0.15">
      <c r="A51" s="275" t="s">
        <v>124</v>
      </c>
      <c r="B51" s="276"/>
      <c r="C51" s="171">
        <v>14</v>
      </c>
      <c r="D51" s="172">
        <v>19</v>
      </c>
      <c r="E51" s="188" t="s">
        <v>125</v>
      </c>
      <c r="F51" s="189"/>
      <c r="G51" s="175"/>
      <c r="H51" s="176">
        <v>33</v>
      </c>
      <c r="I51" s="192">
        <v>0</v>
      </c>
      <c r="J51" s="176">
        <v>0</v>
      </c>
      <c r="K51" s="178">
        <v>22</v>
      </c>
      <c r="L51" s="190"/>
      <c r="M51" s="171"/>
      <c r="N51" s="171"/>
      <c r="O51" s="171"/>
      <c r="P51" s="171"/>
      <c r="Q51" s="181">
        <v>805719036</v>
      </c>
      <c r="R51" s="182">
        <v>686768</v>
      </c>
      <c r="S51" s="275" t="s">
        <v>126</v>
      </c>
      <c r="T51" s="276"/>
      <c r="U51" s="183">
        <v>15776743</v>
      </c>
      <c r="V51" s="184">
        <v>62.5</v>
      </c>
      <c r="W51" s="183">
        <v>33253</v>
      </c>
      <c r="X51" s="184">
        <v>0.13</v>
      </c>
      <c r="Y51" s="181">
        <v>7713614</v>
      </c>
      <c r="Z51" s="185">
        <v>30.56</v>
      </c>
      <c r="AA51" s="181">
        <v>1718052</v>
      </c>
      <c r="AB51" s="191">
        <v>6.81</v>
      </c>
      <c r="AC51" s="183">
        <v>25241662</v>
      </c>
      <c r="AD51" s="181">
        <v>1907669</v>
      </c>
      <c r="AE51" s="181">
        <v>645</v>
      </c>
      <c r="AF51" s="181">
        <v>162526</v>
      </c>
      <c r="AG51" s="181">
        <v>2955475</v>
      </c>
      <c r="AH51" s="228">
        <v>-1061460</v>
      </c>
      <c r="AI51" s="182">
        <v>19153887</v>
      </c>
    </row>
    <row r="52" spans="1:35" ht="13.5" customHeight="1" thickBot="1" x14ac:dyDescent="0.2">
      <c r="A52" s="277" t="s">
        <v>127</v>
      </c>
      <c r="B52" s="278"/>
      <c r="C52" s="25">
        <v>6</v>
      </c>
      <c r="D52" s="193">
        <v>0</v>
      </c>
      <c r="E52" s="188" t="s">
        <v>128</v>
      </c>
      <c r="F52" s="194"/>
      <c r="G52" s="195"/>
      <c r="H52" s="196" t="s">
        <v>61</v>
      </c>
      <c r="I52" s="196" t="s">
        <v>61</v>
      </c>
      <c r="J52" s="196" t="s">
        <v>61</v>
      </c>
      <c r="K52" s="197" t="s">
        <v>61</v>
      </c>
      <c r="L52" s="198"/>
      <c r="M52" s="29"/>
      <c r="N52" s="199"/>
      <c r="O52" s="29"/>
      <c r="P52" s="29"/>
      <c r="Q52" s="200" t="s">
        <v>61</v>
      </c>
      <c r="R52" s="201" t="s">
        <v>61</v>
      </c>
      <c r="S52" s="277" t="s">
        <v>127</v>
      </c>
      <c r="T52" s="278"/>
      <c r="U52" s="202" t="s">
        <v>61</v>
      </c>
      <c r="V52" s="203" t="s">
        <v>61</v>
      </c>
      <c r="W52" s="202" t="s">
        <v>61</v>
      </c>
      <c r="X52" s="203" t="s">
        <v>61</v>
      </c>
      <c r="Y52" s="204" t="s">
        <v>61</v>
      </c>
      <c r="Z52" s="205" t="s">
        <v>61</v>
      </c>
      <c r="AA52" s="204" t="s">
        <v>61</v>
      </c>
      <c r="AB52" s="206" t="s">
        <v>61</v>
      </c>
      <c r="AC52" s="200" t="s">
        <v>61</v>
      </c>
      <c r="AD52" s="200" t="s">
        <v>61</v>
      </c>
      <c r="AE52" s="200" t="s">
        <v>61</v>
      </c>
      <c r="AF52" s="200" t="s">
        <v>61</v>
      </c>
      <c r="AG52" s="200" t="s">
        <v>61</v>
      </c>
      <c r="AH52" s="229" t="s">
        <v>61</v>
      </c>
      <c r="AI52" s="201" t="s">
        <v>61</v>
      </c>
    </row>
    <row r="53" spans="1:35" ht="13.5" customHeight="1" thickTop="1" thickBot="1" x14ac:dyDescent="0.2">
      <c r="A53" s="279" t="s">
        <v>129</v>
      </c>
      <c r="B53" s="280"/>
      <c r="C53" s="207">
        <v>20</v>
      </c>
      <c r="D53" s="208">
        <v>19</v>
      </c>
      <c r="E53" s="209"/>
      <c r="F53" s="210"/>
      <c r="G53" s="211"/>
      <c r="H53" s="212">
        <v>33</v>
      </c>
      <c r="I53" s="213">
        <v>0</v>
      </c>
      <c r="J53" s="212">
        <v>0</v>
      </c>
      <c r="K53" s="214">
        <v>22</v>
      </c>
      <c r="L53" s="215"/>
      <c r="M53" s="207"/>
      <c r="N53" s="207"/>
      <c r="O53" s="207"/>
      <c r="P53" s="207"/>
      <c r="Q53" s="216">
        <v>805719036</v>
      </c>
      <c r="R53" s="217">
        <v>686768</v>
      </c>
      <c r="S53" s="279" t="s">
        <v>130</v>
      </c>
      <c r="T53" s="280"/>
      <c r="U53" s="218">
        <v>15776743</v>
      </c>
      <c r="V53" s="219">
        <v>62.5</v>
      </c>
      <c r="W53" s="218">
        <v>33253</v>
      </c>
      <c r="X53" s="219">
        <v>0.13</v>
      </c>
      <c r="Y53" s="216">
        <v>7713614</v>
      </c>
      <c r="Z53" s="220">
        <v>30.56</v>
      </c>
      <c r="AA53" s="216">
        <v>1718052</v>
      </c>
      <c r="AB53" s="221">
        <v>6.81</v>
      </c>
      <c r="AC53" s="218">
        <v>25241662</v>
      </c>
      <c r="AD53" s="216">
        <v>1907669</v>
      </c>
      <c r="AE53" s="216">
        <v>645</v>
      </c>
      <c r="AF53" s="216">
        <v>162526</v>
      </c>
      <c r="AG53" s="216">
        <v>2955475</v>
      </c>
      <c r="AH53" s="230">
        <v>-1061460</v>
      </c>
      <c r="AI53" s="217">
        <v>19153887</v>
      </c>
    </row>
  </sheetData>
  <mergeCells count="32">
    <mergeCell ref="A51:B51"/>
    <mergeCell ref="S51:T51"/>
    <mergeCell ref="A52:B52"/>
    <mergeCell ref="S52:T52"/>
    <mergeCell ref="A53:B53"/>
    <mergeCell ref="S53:T53"/>
    <mergeCell ref="AA4:AB4"/>
    <mergeCell ref="A49:B49"/>
    <mergeCell ref="S49:T49"/>
    <mergeCell ref="A50:B50"/>
    <mergeCell ref="S50:T50"/>
    <mergeCell ref="G4:G5"/>
    <mergeCell ref="J4:J5"/>
    <mergeCell ref="U4:V4"/>
    <mergeCell ref="W4:X4"/>
    <mergeCell ref="Y4:Z4"/>
    <mergeCell ref="AI1:AI2"/>
    <mergeCell ref="A3:B5"/>
    <mergeCell ref="C3:D3"/>
    <mergeCell ref="E3:E5"/>
    <mergeCell ref="F3:G3"/>
    <mergeCell ref="H3:J3"/>
    <mergeCell ref="L3:O3"/>
    <mergeCell ref="Q3:R3"/>
    <mergeCell ref="S3:T5"/>
    <mergeCell ref="U3:AB3"/>
    <mergeCell ref="AC3:AC4"/>
    <mergeCell ref="AD3:AD4"/>
    <mergeCell ref="AH3:AH4"/>
    <mergeCell ref="C4:C5"/>
    <mergeCell ref="D4:D5"/>
    <mergeCell ref="F4:F5"/>
  </mergeCells>
  <phoneticPr fontId="4"/>
  <printOptions gridLinesSet="0"/>
  <pageMargins left="0.7" right="0.7" top="0.75" bottom="0.75" header="0.3" footer="0.3"/>
  <pageSetup paperSize="9" scale="81" orientation="landscape" blackAndWhite="1" r:id="rId1"/>
  <headerFooter alignWithMargins="0"/>
  <colBreaks count="1" manualBreakCount="1">
    <brk id="18" max="5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9-3表（介護）</vt:lpstr>
      <vt:lpstr>'第9-3表（介護）'!Print_Area</vt:lpstr>
      <vt:lpstr>'第9-3表（介護）'!Print_Area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2:05:12Z</cp:lastPrinted>
  <dcterms:created xsi:type="dcterms:W3CDTF">2018-03-07T04:57:06Z</dcterms:created>
  <dcterms:modified xsi:type="dcterms:W3CDTF">2018-03-08T05:09:23Z</dcterms:modified>
</cp:coreProperties>
</file>